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codeName="{51196F13-6AD0-C1B8-E2B4-A1F9AE17003E}"/>
  <workbookPr codeName="ThisWorkbook" defaultThemeVersion="164011"/>
  <mc:AlternateContent xmlns:mc="http://schemas.openxmlformats.org/markup-compatibility/2006">
    <mc:Choice Requires="x15">
      <x15ac:absPath xmlns:x15ac="http://schemas.microsoft.com/office/spreadsheetml/2010/11/ac" url="C:\Users\ELOMY001\Desktop\Disney\Bulletins\s49\"/>
    </mc:Choice>
  </mc:AlternateContent>
  <bookViews>
    <workbookView xWindow="0" yWindow="0" windowWidth="14370" windowHeight="6165" activeTab="1"/>
  </bookViews>
  <sheets>
    <sheet name="Disney Channel" sheetId="1" r:id="rId1"/>
    <sheet name="Disney Junior" sheetId="2" r:id="rId2"/>
  </sheets>
  <calcPr calcId="162913"/>
</workbook>
</file>

<file path=xl/sharedStrings.xml><?xml version="1.0" encoding="utf-8"?>
<sst xmlns="http://schemas.openxmlformats.org/spreadsheetml/2006/main" count="13636" uniqueCount="1629">
  <si>
    <t>Channel</t>
  </si>
  <si>
    <t>TX Date</t>
  </si>
  <si>
    <t>Day</t>
  </si>
  <si>
    <t>TX Time</t>
  </si>
  <si>
    <t>Series Title</t>
  </si>
  <si>
    <t>Episode Title</t>
  </si>
  <si>
    <t>Episode No</t>
  </si>
  <si>
    <t>Season</t>
  </si>
  <si>
    <t>Cast Info</t>
  </si>
  <si>
    <t>Synopsis</t>
  </si>
  <si>
    <t>Programme Type</t>
  </si>
  <si>
    <t>Genre</t>
  </si>
  <si>
    <t>Production Country</t>
  </si>
  <si>
    <t>Production Year</t>
  </si>
  <si>
    <t>Duration</t>
  </si>
  <si>
    <t>IDSubtitle</t>
  </si>
  <si>
    <t>Sound</t>
  </si>
  <si>
    <t>Programme Format</t>
  </si>
  <si>
    <t>TX ID</t>
  </si>
  <si>
    <t>Inedit</t>
  </si>
  <si>
    <t>LSF</t>
  </si>
  <si>
    <t>Audio Described</t>
  </si>
  <si>
    <t>DCFR</t>
  </si>
  <si>
    <t>28/11/2020</t>
  </si>
  <si>
    <t>samedi</t>
  </si>
  <si>
    <t>06:00:00</t>
  </si>
  <si>
    <t>LOLIROCK</t>
  </si>
  <si>
    <t>Mordu d'amour</t>
  </si>
  <si>
    <t>29</t>
  </si>
  <si>
    <t>2</t>
  </si>
  <si>
    <t>Réalisateur: Jean-Louis Vandestoc, Interprète: Cassandre BergetRéalisateur: Jean-Louis Vandestoc, Interprète: Cassandre Berget</t>
  </si>
  <si>
    <t>Lorsqu’Amaru disparaît, les Princesses redoutent le pire… or il s’avère qu’Amaru est simplement tombé amoureux et a suivi une adorable petite chienne appartenant à la cousine de Suzy. Malheureusement, les Jumeaux ont été témoins de la scène et ont piégé Amaru, le poussant à suivre un faux « chiot » créé par leurs soins.</t>
  </si>
  <si>
    <t>Série</t>
  </si>
  <si>
    <t>Animation</t>
  </si>
  <si>
    <t>France</t>
  </si>
  <si>
    <t>2015</t>
  </si>
  <si>
    <t>22min</t>
  </si>
  <si>
    <t/>
  </si>
  <si>
    <t>HD</t>
  </si>
  <si>
    <t>FR26502-HDTX</t>
  </si>
  <si>
    <t>06:25:00</t>
  </si>
  <si>
    <t>Un chat trop chou ?</t>
  </si>
  <si>
    <t>30</t>
  </si>
  <si>
    <t>Les Princesses font la rencontre d’un adorable chaton sans toit, qu’elles décident de ramener chez elles, au grand dam d’Amaru. Malgré ses avertissements répétés, les Princesses pensent qu’il est simplement jaloux. Mais Amaru ne s’y est pas trompé : quelque chose cloche chez ce chaton - car il capte les pouvoirs des filles à leur insu ! Pour qu’Amaru ne parvienne pas à les alerter, les Jumeaux maléfiques lui jettent un sort, lui faisant oublier qui il est.</t>
  </si>
  <si>
    <t>FR26503-HDTX</t>
  </si>
  <si>
    <t>07:00:00</t>
  </si>
  <si>
    <t>MIRACULOUS, LES AVENTURES DE LADYBUG ET CHAT NOIR</t>
  </si>
  <si>
    <t>Zombizou</t>
  </si>
  <si>
    <t>41</t>
  </si>
  <si>
    <t>Réalisateur: Thomas AstrucRéalisateur: Thomas Astruc</t>
  </si>
  <si>
    <t>Aujourd’hui, c’est l’anniversaire de Mlle Bustier, le professeur préféré de Marinette. Mais à cause d’une nouvelle pesterie de Chloé, Marinette est sur le point de se faire akumatiser !Pour la protéger, Mlle Bustier s’interpose et l’akuma prend possession d’elle. Le Papillon la transforme alors en Zombizou. Armée de son bâton de noir à lèvres maléfique, elle veut répandre l’amour dans la ville en envoyant des baisers maléfiques à tous les Parisiens – mais surtout à Chloé, cette peste sans cœur – pour les forcer à s’aimer les uns les autres.</t>
  </si>
  <si>
    <t>2016</t>
  </si>
  <si>
    <t>21min</t>
  </si>
  <si>
    <t>Version sous-titrée sourds et malentendants</t>
  </si>
  <si>
    <t>FR32415-HDTX</t>
  </si>
  <si>
    <t>07:25:00</t>
  </si>
  <si>
    <t>Capitaine Hardrock</t>
  </si>
  <si>
    <t>42</t>
  </si>
  <si>
    <t>Lles amis de Marinette s’apprêtent à donner un concert à bord de la péniche de Juleka, chaperonnés par sa mère, Anarkal. Alors que Marinette découvre, très déçue, qu’Adrien ne pourra pas assister au concert, elle rencontre Luka, le grand frère de Juleka. Doux et attentionné, ce dernier pourrait bien semer le trouble dans le cœur de Marinette…Mais alors que le groupe commence les répétitions, l’agent Roger vient jouer les trouble-fêtes, reprochant à Anarka de faire trop de bruit. Déçue et énervée, cette dernière se fait akumatiser par Papillon et devient Capitaine Hardrock.</t>
  </si>
  <si>
    <t>FR32416-HDTX</t>
  </si>
  <si>
    <t>07:55:00</t>
  </si>
  <si>
    <t>LUZ À OSVILLE</t>
  </si>
  <si>
    <t>La douleur d'une sorcière</t>
  </si>
  <si>
    <t>18</t>
  </si>
  <si>
    <t>1</t>
  </si>
  <si>
    <t>En sortie scolaire pour visiter le château du mystérieux Empereur Belos, Luz s'écarte du groupe et met sa vie en danger.</t>
  </si>
  <si>
    <t>États-Unis</t>
  </si>
  <si>
    <t>2018</t>
  </si>
  <si>
    <t>20min</t>
  </si>
  <si>
    <t>FR80363-HDTX</t>
  </si>
  <si>
    <t>08:20:00</t>
  </si>
  <si>
    <t>5</t>
  </si>
  <si>
    <t>2013</t>
  </si>
  <si>
    <t>Prologic</t>
  </si>
  <si>
    <t>08:25:00</t>
  </si>
  <si>
    <t>ELENA D'AVALOR</t>
  </si>
  <si>
    <t>Le prix de la paix à Norberg</t>
  </si>
  <si>
    <t>56</t>
  </si>
  <si>
    <t>3</t>
  </si>
  <si>
    <t>Elena se rend à Norberg pour aider deux souverains à régler leurs différends.</t>
  </si>
  <si>
    <t>2019</t>
  </si>
  <si>
    <t>FR71254-HDTX</t>
  </si>
  <si>
    <t>08:50:00</t>
  </si>
  <si>
    <t>La magie en moi, première partie</t>
  </si>
  <si>
    <t>57</t>
  </si>
  <si>
    <t>La veille du carnaval, Elena tombe dans le puits aux cristaux et voit ses pouvoirs transformés et augmentés.</t>
  </si>
  <si>
    <t>23min</t>
  </si>
  <si>
    <t>FR71255-HDTX</t>
  </si>
  <si>
    <t>09:20:00</t>
  </si>
  <si>
    <t>M. Pigeon</t>
  </si>
  <si>
    <t>6</t>
  </si>
  <si>
    <t>M. Ramier aime nourrir les pigeons, mais les gardiens de parc le lui interdisent et le bannissent. Akumatisé en M. Pigeon et aidé par ses amis à plumes, il veut faire de la capitale un véritable royaume pour pigeons. Il enlève donc tous les gardiens de square, leurs ennemis jurés, et la ville se retrouve envahie par les pigeons.Ladybug et Chat Noir doivent se débarrasser de cet emplumé, mais les allergies de Chat Noir ne sont pas pour leur faciliter la tâche.</t>
  </si>
  <si>
    <t>PG19192-TX</t>
  </si>
  <si>
    <t>09:45:00</t>
  </si>
  <si>
    <t>Lady Wifi</t>
  </si>
  <si>
    <t>7</t>
  </si>
  <si>
    <t>Alors que Marinette, débordée par sa double vie, manque une nouvelle fois les cours au collège, sa meilleure amie Alya pense avoir découvert que Chloé est celle qui se cache sous le masque de Ladybug. Ne supportant pas qu’Alya fouine dans ses affaires, Chloé se débrouille pour la faire renvoyer du collège.Révoltée par cette injustice, Alya se fait akumatiser par Le Papillon. Devenue Lady Wifi et armée de son téléphone portable, elle compte bien se venger de Chloé en la dénonçant pour faire triompher la vérité.</t>
  </si>
  <si>
    <t>PG19193-TX</t>
  </si>
  <si>
    <t>10:20:00</t>
  </si>
  <si>
    <t>SHOOK (SPECIAL)</t>
  </si>
  <si>
    <t>Mia, 15 ans, veut devenir danseuse professionnelle mais elle a du mal à se concentrer sur sa passion tant sa vie personnelle avec sa petite soeur Skylar et sa mère, infirmière, mère célibataire lui prend du temps.</t>
  </si>
  <si>
    <t>Fiction</t>
  </si>
  <si>
    <t>FR85554-HDTX</t>
  </si>
  <si>
    <t>11:50:00</t>
  </si>
  <si>
    <t>GABBY DURAN, BABY-SITTER D’EXTRATERRESTRES</t>
  </si>
  <si>
    <t>Informations mensongères</t>
  </si>
  <si>
    <t>15</t>
  </si>
  <si>
    <t>Dina a envisagé de retourner vivre à Miami, donc Gabby et Olivia ont décidé d'embaucher des clients extraterrestres pour faire bouger la ville et permettre à Dina de faire des reportages à sensations.</t>
  </si>
  <si>
    <t>FR77787-HDTX</t>
  </si>
  <si>
    <t>12:20:00</t>
  </si>
  <si>
    <t>VA-T’EN, LICORNE!</t>
  </si>
  <si>
    <t>Licorne et le concours de rap ! / Répète après moi, Licorne !</t>
  </si>
  <si>
    <t>Réalisateur: Jason GrohRéalisateur: Jason Groh</t>
  </si>
  <si>
    <t>Alice doit trouver le moyen de développer rapidement des talents de rappeuse, car Licorne a transformé son concours de poésie en concours de rap. / Alice ne peut assister à l'entrevue pour son camp de sciences à cause d'un gros rhume. Licorne décide d'y aller à sa place… déguisé en Alice !</t>
  </si>
  <si>
    <t>FR63240-HDTX</t>
  </si>
  <si>
    <t>12:45:00</t>
  </si>
  <si>
    <t>Surprise, Licorne!</t>
  </si>
  <si>
    <t>51</t>
  </si>
  <si>
    <t>Licorne et sa nouvelle amie mijotent quelque chose. Alice veut à tout prix découvrir ce que c’est!</t>
  </si>
  <si>
    <t>11min</t>
  </si>
  <si>
    <t>FR63224-HDTX</t>
  </si>
  <si>
    <t>Nouveau</t>
  </si>
  <si>
    <t>13:00:00</t>
  </si>
  <si>
    <t>Doudou Vilain</t>
  </si>
  <si>
    <t>Chloé décide d’organiser une fête chez elle, au Palace, et d’inviter tous les collégiens. Coachée par son majordome, Chloé fait des efforts et parvient à être aimable. Mais un événement la fait sortir de ses gonds et elle finit par renvoyer son majordome devant tous ses invités. Humilié, le majordome est akumatisé par le Papillon. Devenu Doudou Vilain, il peut désormais manipuler tous ceux qu’il touche. Et il compte bien se servir de son pouvoir pour se venger de Chloé. Ladybug et Chat Noir devront intervenir rapidement s’ils ne veulent pas perdre le contrôle de la situation !</t>
  </si>
  <si>
    <t>FR32404-HDTX</t>
  </si>
  <si>
    <t>13:25:00</t>
  </si>
  <si>
    <t>L'insaisissable</t>
  </si>
  <si>
    <t>31</t>
  </si>
  <si>
    <t>L’assistante dévouée de Jagged, se fait akumatiser par le Papillon et devient l’Insaisissable. Armée d’un stylo qui lui permet de devenir intangible quand elle le souhaite, celle qui réglait toujours les problèmes des autres va désormais tout faire pour en créer !Enfermée dans la boulangerie, Marinette devra trouver un moyen de s’éclipser et de se transformer en Ladybug pour aider Chat Noir à vaincre l’Insaisissable.Nos deux super-héros devront réussir à arrêter la vilaine avant qu’elle ne sème le chaos !</t>
  </si>
  <si>
    <t>FR32405-HDTX</t>
  </si>
  <si>
    <t>14:00:00</t>
  </si>
  <si>
    <t>LA BANDE À PICSOU</t>
  </si>
  <si>
    <t>Robotik contre Waddletik</t>
  </si>
  <si>
    <t>21</t>
  </si>
  <si>
    <t>Réalisateur: Dana Terrace, Interprète: David TennantRéalisateur: Dana Terrace, Interprète: David Tennant</t>
  </si>
  <si>
    <t>Après que Gérard a accidentellement sauvé Riri au cours d'un braquage de banque en utilisant l'armure Robotik, Mark Beaks essaie de le convaincre de quitter les Entreprises Picsou pour devenir un super-héros au service de certains habitants.</t>
  </si>
  <si>
    <t>2017</t>
  </si>
  <si>
    <t>FR50202-HDTX</t>
  </si>
  <si>
    <t>AD</t>
  </si>
  <si>
    <t>14:25:00</t>
  </si>
  <si>
    <t>En route pour l'avionture !</t>
  </si>
  <si>
    <t>23</t>
  </si>
  <si>
    <t>Coincés dans un avion en situation difficile, Riri, Fifi et Loulou partent à la recherche d'un bout de photo qui pourrait leur donner la clé du mystère qui entoure la disparition de leur mère.</t>
  </si>
  <si>
    <t>FR60374-HDTX</t>
  </si>
  <si>
    <t>14:50:00</t>
  </si>
  <si>
    <t>15:00:00</t>
  </si>
  <si>
    <t>PAF LE CHIEN</t>
  </si>
  <si>
    <t>Le vrai Paf</t>
  </si>
  <si>
    <t>34</t>
  </si>
  <si>
    <t>Réalisateur: Charles VaucelleRéalisateur: Charles Vaucelle</t>
  </si>
  <si>
    <t>Les Guanos découvrent un chien errant copie conforme de Paf. Un plan germe dans leur cerveau : remplacer Paf par ce chien. Ainsi, ils pourront dérober ce qu’ils veulent dans la maison de Lola… et faire la peau à Capuche. Mais Paf n’entend pas se faire remplacer aussi facilement.</t>
  </si>
  <si>
    <t>7min</t>
  </si>
  <si>
    <t>FR66530-HDTX</t>
  </si>
  <si>
    <t>15:15:00</t>
  </si>
  <si>
    <t>Œufs de Pâques</t>
  </si>
  <si>
    <t>35</t>
  </si>
  <si>
    <t>Lola organise une chasse aux œufs pour ses amis. Mais les Guanos sont pris d’un énorme instinct maternel et décident de piquer les œufs pour les élever. Paf va donc devoir se mettre en action pour récupérer la récompense avant que les amis de Lola ne débarquent. Pas simple face à nos trois volatiles qui comptent bien défendre leur future progéniture coûte que coûte.</t>
  </si>
  <si>
    <t>FR66531-HDTX</t>
  </si>
  <si>
    <t>15:30:00</t>
  </si>
  <si>
    <t>Inspecteur Paf</t>
  </si>
  <si>
    <t>36</t>
  </si>
  <si>
    <t>En rentrant de l’école, Lola s’arrête pour acheter une barre de céréales. Mais en sortant, elle est arrêtée et accusée de vol par le gérant. Paf va mener l’enquête pour innocenter sa maîtresse et découvrir qu’il s’agit d’un coup des Guanos. Ils ont fait diversion pour piquer tout le stock de barres de céréales !</t>
  </si>
  <si>
    <t>FR66532-HDTX</t>
  </si>
  <si>
    <t>15:45:00</t>
  </si>
  <si>
    <t>Comme un poisson hors de l'eau</t>
  </si>
  <si>
    <t>45</t>
  </si>
  <si>
    <t>Réalisateur: Robb PrattRéalisateur: Robb Pratt</t>
  </si>
  <si>
    <t>Marzel, prince des sirènes, est invité à participer à sa première retraite royale. En essayant d'impressionner les autres rois, il les transforme accidentellement en sirènes.</t>
  </si>
  <si>
    <t>FR54813-HDTX</t>
  </si>
  <si>
    <t>16:10:00</t>
  </si>
  <si>
    <t>Un nouveau départ</t>
  </si>
  <si>
    <t>46</t>
  </si>
  <si>
    <t>Quand Elena propose à Mateo d'emménager dans les appartements du magicien de la cour, la mère de ce dernier, croyant avoir été invitée, s'installe aussi au palais.</t>
  </si>
  <si>
    <t>FR71636-HDTX</t>
  </si>
  <si>
    <t>16:45:00</t>
  </si>
  <si>
    <t>Le Dessinateur</t>
  </si>
  <si>
    <t>8</t>
  </si>
  <si>
    <t>Chloé se moque de Nathanaël, un camarade de classe amoureux de Marinette. Blessé, il est akumatisé par Le Papillon. Devenu Le Dessinateur, et armé de son carnet de croquis et de son crayon, il n’hésite pas à effacer tous les obstacles qui se dressent sur son chemin pour se venger de cette peste de Chloé et la rayer de sa vie. Ladybug ne peut pas se transformer, car seule Marinette a le pouvoir d’apaiser le Dessinateur. Chat Noir devra donc l’affronter seul, guidé à distance par notre super héroïne.</t>
  </si>
  <si>
    <t>PG19194-TX</t>
  </si>
  <si>
    <t>17:10:00</t>
  </si>
  <si>
    <t>Rogercop</t>
  </si>
  <si>
    <t>9</t>
  </si>
  <si>
    <t>Lors de la journée des parents au collège, Chloé accuse Marinette de lui avoir volé son nouveau bracelet ! En essayant de ramener l’ordre dans la classe, Roger, le papa policier de Sabrina, se fait renvoyer par le Maire, M. Bourgeois. Furieux et humilié, il est akumatisé par Le Papillon. Devenu Rogercop, un super-vilain qui prétend incarner la loi, il compte se venger du Maire et faire régner une justice tyrannique sur toute la ville. Chat Noir et Ladybug devront prouver que ce sont eux les véritables justiciers de Paris et innocenter Marinette.</t>
  </si>
  <si>
    <t>FR80870-HDTX</t>
  </si>
  <si>
    <t>17:45:00</t>
  </si>
  <si>
    <t>COOP &amp; CAMI</t>
  </si>
  <si>
    <t>Dire au revoir</t>
  </si>
  <si>
    <t>Quand les Glamtronics sont invités à se produire au bal annuel des pompiers, Charlotte hésite à y participer, au grand dam de Cooper.</t>
  </si>
  <si>
    <t>FR84954-HDTX</t>
  </si>
  <si>
    <t>18:10:00</t>
  </si>
  <si>
    <t>La récompense</t>
  </si>
  <si>
    <t>47</t>
  </si>
  <si>
    <t>La famille se prépare pour une soirée en l'honneur de Jenna à la remise des prix de l'immobilier local, mais des contretemps continuent de retarder leur départ.</t>
  </si>
  <si>
    <t>FR84956-HDTX</t>
  </si>
  <si>
    <t>18:35:00</t>
  </si>
  <si>
    <t>Evasion basson</t>
  </si>
  <si>
    <t>48</t>
  </si>
  <si>
    <t>Dans une tentative désespérée pour éviter d'assister au spectacle de basson de Charlotte, Coop, Cami et Fred mentent en inventant un mariage auquel ils doivent assister le même jour.</t>
  </si>
  <si>
    <t>FR84957-HDTX</t>
  </si>
  <si>
    <t>19:00:00</t>
  </si>
  <si>
    <t>Le jour des Héros - Partie 1</t>
  </si>
  <si>
    <t>50</t>
  </si>
  <si>
    <t>C’est le Jour des Héros à Paris, et chacun doit préparer une bonne action pour les autres. Mais Marinette n’a pas eu le temps de s’occuper de la sienne. De peur de décevoir ses amis en leur annonçant qu’elle n’a rien préparé, Marinette leur ment et se retrouve rapidement dépassée par son propre mensonge.Mais son cauchemar ne fait que commencer. En effet, de son côté, le Papillon akumatise son assistante Nathalie en Catalyste, une super vilaine qui lui permettra de mettre en action le plan qu’il prépare depuis si longtemps… un plan censé lui permettre de vaincre enfin Ladybug et Chat Noir…</t>
  </si>
  <si>
    <t>FR32424-HDTX</t>
  </si>
  <si>
    <t>19:25:00</t>
  </si>
  <si>
    <t>Le jour des Héros - Partie 2</t>
  </si>
  <si>
    <t>Le Papillon, devenu Papillon Ecarlate grâce à Catalyste, a enfin mis à exécution son terrible plan en réakumatisant tous ses anciens vilains !Pour les affronter, Ladybug et Chat Noir se retrouvent à la tête d’une équipe de super héros composée de Rena Rouge, Queen Bee et Carapace. Mais les héros ne sont pas habitués à travailler ensemble et se rendent rapidement compte qu’ils manquent d’entraînement. Très vite, ils se retrouvent dans une situation extrêmement difficile et sont sur le point de se faire vaincre par Papillon Ecarlate…</t>
  </si>
  <si>
    <t>FR32425-HDTX</t>
  </si>
  <si>
    <t>19:50:00</t>
  </si>
  <si>
    <t>Caméléon</t>
  </si>
  <si>
    <t>53</t>
  </si>
  <si>
    <t>Quand Lila revient au collège, elle parvient à manipuler les élèves comme les professeurs pour que tout le monde se plie à la moindre de ses exigences. Tout le monde… sauf Marinette et Adrien, qui ne sont pas dupes. Lorsqu’ils la confrontent à ses propres mensonges, Lila, vexée, demande au Papillon de l’akumatiser. Devenue Caméléon, elle peut prendre l’apparence de n’importe qui… et compte bien profiter de ce pouvoir pour détruire Ladybug, qui a été la première à la démasquer et qu’elle juge responsable de tous ses problèmes.</t>
  </si>
  <si>
    <t>FR84346-HDTX</t>
  </si>
  <si>
    <t>20:15:00</t>
  </si>
  <si>
    <t>Animaestro</t>
  </si>
  <si>
    <t>54</t>
  </si>
  <si>
    <t>Les parents de Marinette assurent le buffet pour l’avant-première du film Ladybug et Chat Noir, à laquelle le Tout-Paris est invité… y compris Adrien ! Marinette décide de s’y rendre en prétextant aider ses parents, bien décidée à profiter de l’événement pour offrir un macaron spécial à Adrien et lui montrer combien il compte pour elle. Mais sur place, personne ne reconnaît le réalisateur du film, qui se fait traiter comme un parfait inconnu et finit par perdre patience.</t>
  </si>
  <si>
    <t>FR76941-HDTX</t>
  </si>
  <si>
    <t>21:00:00</t>
  </si>
  <si>
    <t>La pleurnicheuse</t>
  </si>
  <si>
    <t>Quand Gabby entend parler de la rumeur qui court sur elle à l'école, elle décide d'utiliser un extraterrestre télépathe pour découvrir qui a lancé la rumeur, mettant la santé de l'extraterrestre en péril.</t>
  </si>
  <si>
    <t>FR83413-HDTX</t>
  </si>
  <si>
    <t>21:25:00</t>
  </si>
  <si>
    <t>La concurrente de Gabby</t>
  </si>
  <si>
    <t>4</t>
  </si>
  <si>
    <t>Dina fait appel à Susie Dustman, qui prétend être une super baby-sitter, pour garder Olivia. Gabby est jalouse et va affronter sa rivale pour gagner le cœur de sa sœur.</t>
  </si>
  <si>
    <t>FR83414-HDTX</t>
  </si>
  <si>
    <t>22:00:00</t>
  </si>
  <si>
    <t>SYDNEY AU MAX</t>
  </si>
  <si>
    <t>Une place dans l'équipe</t>
  </si>
  <si>
    <t>Sydney est enthousiaste à l'idée de rejoindre la première équipe d'escrime féminine de l'école, mais elle apprend rapidement que c'est plus que ce qu'elle avait prévu.</t>
  </si>
  <si>
    <t>FR82694-HDTX</t>
  </si>
  <si>
    <t>22:25:00</t>
  </si>
  <si>
    <t>Quatre amigas</t>
  </si>
  <si>
    <t>26</t>
  </si>
  <si>
    <t>Les filles font un pacte pour aller au bal de l'école sans cavaliers. Sydney se retrouve alors très ennuyée quand Ned l'invite au bal.</t>
  </si>
  <si>
    <t>FR82697-HDTX</t>
  </si>
  <si>
    <t>23:00:00</t>
  </si>
  <si>
    <t>DISNEY FAM JAM, DÉFIS EN FAMILLE</t>
  </si>
  <si>
    <t>Les Green et les Love</t>
  </si>
  <si>
    <t>Trevor Tordjman et Ariel Martin présentent cette émission de danse en famille où l'on voit des Californiennes sur une chanson de Katy Perry et du disco sur un tube de Lady Gaga. Les chorés de Phil Wright mettent une super ambiance !</t>
  </si>
  <si>
    <t>25min</t>
  </si>
  <si>
    <t>FR86024-HDTX</t>
  </si>
  <si>
    <t>23:25:00</t>
  </si>
  <si>
    <t>Disney Fam Jam, Défis en famille</t>
  </si>
  <si>
    <t>Animé par Ariel Martin et Trevor Tordjman de ZOMBIES 2, des familles de toute l'Amérique se réunissent pour s'affronter dans le tout nouveau spectacle de compétition de danse de Disney Channel, Fam Jam ! Entraînés par le chorégraphe primé Phil Wright, les membres des familles sortiront de leur salon et se mettront sous le feu des projecteurs pour voir s'ils ont les épaules pour être les prochains champions et gagner un prix de 10 000 dollars en espèces.</t>
  </si>
  <si>
    <t>FR86027-HDTX</t>
  </si>
  <si>
    <t>LES NUITS DE Disney Channel France</t>
  </si>
  <si>
    <t>29/11/2020</t>
  </si>
  <si>
    <t>dimanche</t>
  </si>
  <si>
    <t>FRIENDS: CINQ FILLES EN MISSION</t>
  </si>
  <si>
    <t>En quête de carte</t>
  </si>
  <si>
    <t>28</t>
  </si>
  <si>
    <t>Réalisateur: Andrew Tan, Réalisateur: Stephen MurrayRéalisateur: Andrew Tan, Réalisateur: Stephen Murray</t>
  </si>
  <si>
    <t>Les filles assemblent des indices avec une carte de la vieille ville et trouvent la carte du naufrage du Cœur de la mer et de son trésor!</t>
  </si>
  <si>
    <t>Danemark</t>
  </si>
  <si>
    <t>10min</t>
  </si>
  <si>
    <t>FR72256-HDTX</t>
  </si>
  <si>
    <t>06:10:00</t>
  </si>
  <si>
    <t>Le coeur de la mer</t>
  </si>
  <si>
    <t>Réalisateur: Stephen Murray, Réalisateur: Andrew TanRéalisateur: Andrew Tan, Réalisateur: Stephen Murray</t>
  </si>
  <si>
    <t>Déterminées à protéger le Cœur de la mer, les filles sont parties à la recherche du trésor dans une course pour voir qui peut y arriver en premier!</t>
  </si>
  <si>
    <t>FR72257-HDTX</t>
  </si>
  <si>
    <t>Que le meillleur chante!</t>
  </si>
  <si>
    <t>Carter organise un concours de talent dans le but de se débarrasser des filles.Andrea veut absolument le gagner mais cela lui fait perdre de vue ce qui est vraiment important.</t>
  </si>
  <si>
    <t>FR72258-HDTX</t>
  </si>
  <si>
    <t>06:35:00</t>
  </si>
  <si>
    <t>Miaouaf</t>
  </si>
  <si>
    <t>Quand la petite soeur d'Andréa dévoile sa nouvelle application de traduction pour animaux, Miaouaf, une journée au parc d'attraction se révèle être plus forte en sensation que prévu.</t>
  </si>
  <si>
    <t>FR72259-HDTX</t>
  </si>
  <si>
    <t>Le combat des Reines - Partie 1</t>
  </si>
  <si>
    <t>44</t>
  </si>
  <si>
    <t>C’est la Fashion Week et le tout Paris a rendez-vous au défilé de mode de Gabriel Agreste, durant lequel Adrien portera un chapeau créé par Marinette. Pour l’occasion, Audrey Bourgeois, la mère de Chloé et la Reine Internationale de la mode, est de passage dans la capitale.Mais, manipulée par Gabriel / le Papillon, Audrey se fait akumatiser et devient Style Queen, la vilaine la plus chic de tout Paris !Ladybug s’apprête à faire appel à un nouveau super héros pour l’aider, mais elle perd le Miraculous qu’elle souhaitait lui confier…</t>
  </si>
  <si>
    <t>FR81227-HDTX</t>
  </si>
  <si>
    <t>Le combat des Reines - Partie 2</t>
  </si>
  <si>
    <t>Audrey Bourgeois, Reine de la Mode et mère de Chloé, félicite Marinette pour son talent et lui propose de l’accompagner à New York. Jalouse, Chloé utilise le Miraculous de l’Abeille égaré par Ladybug pour se transformer en Queen Bee, bien décidée à prouver à sa mère qu’elle est aussi exceptionnelle que Marinette.Mais rien ne se passe comme prévu et Chloé se fait akumatiser par le Papillon… alors qu’elle est encore en Queen Bee !Désormais à la tête d’une armée d’abeilles maléfiques, Queen Wasp veut se venger de Ladybug et Chat Noir, qui ne la reconnaissent pas en tant que super héroïne.</t>
  </si>
  <si>
    <t>FR32419-HDTX</t>
  </si>
  <si>
    <t>Abomination abominable</t>
  </si>
  <si>
    <t>Luz se glisse dans l'école de magie pour aider une nouvelle amie et se fait des ennemis en chemin.</t>
  </si>
  <si>
    <t>FR80366-HDTX</t>
  </si>
  <si>
    <t>L'École des Jagons</t>
  </si>
  <si>
    <t>Réalisateur: Elliot BourRéalisateur: Elliot Bour</t>
  </si>
  <si>
    <t>Skylar est nommé "Navaguera", instructeur chargé d'apprendre à trois jeunes jagons à combattre les forces du mal. Mais son tempérament joueur ne tarde pas à le distraire de son devoir.</t>
  </si>
  <si>
    <t>FR30424-HDTX</t>
  </si>
  <si>
    <t>Les joyaux de la couronne</t>
  </si>
  <si>
    <t>16</t>
  </si>
  <si>
    <t>Un vieil ami d’Esteban revient à Avalor pour voler les joyaux de la couronne. Esteban doit alors faire un choix : protéger sa famille ou révéler sa collaboration secrète avec Shuriki.</t>
  </si>
  <si>
    <t>FR30425-HDTX</t>
  </si>
  <si>
    <t>09:15:00</t>
  </si>
  <si>
    <t>Le retour du capitaine Turner</t>
  </si>
  <si>
    <t>17</t>
  </si>
  <si>
    <t>La mère de Naomi obtient un poste dans son pays d’origine. Naomi et Elena tentent de la convaincre de ne pas quitter Avalor.</t>
  </si>
  <si>
    <t>FR30426-HDTX</t>
  </si>
  <si>
    <t>09:40:00</t>
  </si>
  <si>
    <t>Les guides spirituels</t>
  </si>
  <si>
    <t>Elena doit secourir Mateo qui a été expédié dans le monde des esprits par un singe esprit indiscipliné.</t>
  </si>
  <si>
    <t>FR30427-HDTX</t>
  </si>
  <si>
    <t>Oni-Chan</t>
  </si>
  <si>
    <t>60</t>
  </si>
  <si>
    <t>Quand Lila manipule Adrien, son garde du corps et même Nathalie pour entrer chez les Agreste et passer un peu de temps avec Adrien, elle prend une photo d’eux deux pour immortaliser le moment. Marinette, qui les a suivis et espionnés depuis l’extérieur, est verte de jalousie. Mais ce n’est pas la seule…</t>
  </si>
  <si>
    <t>FR84349-HDTX</t>
  </si>
  <si>
    <t>10:50:00</t>
  </si>
  <si>
    <t>Inverso</t>
  </si>
  <si>
    <t>Marc est un élève au collège très doué pour l’écriture. Son rêve serait d’écrire une bande-dessinée avec Nathaniel, dont il admire les talents de dessinateur, mais il est bien trop timide pour oser lui parler. Suite à un malentendu Marc est convaincu que Marinette lui a menti. Déçu et humilié, il se fait akumatiser par le Papillon et devient Inverso.Parcourant Paris sur son avion de papier géant, il inverse les caractères de tous ceux qui se trouvent sur son chemin !Ladybug et Chat Noir parviendront-ils à inverser le cours des choses ? Et Marinette arrivera-t-elle à rétablir la vérité ?</t>
  </si>
  <si>
    <t>FR32420-HDTX</t>
  </si>
  <si>
    <t>11:20:00</t>
  </si>
  <si>
    <t>Anansi</t>
  </si>
  <si>
    <t>Alors que Marinette, Alya et Nino s’apprêtent à sortir, Nora, la grande sœur surprotectrice d’Alya, intervient : toutes les récentes akumatisations l’inquiètent. Elle refuse de laisser Alya sortir, c’est trop dangereux. Nino lui affirme alors qu’il protègera Alya en cas de danger et Nora lui lance un défi : s’il gagne, Alya pourra les accompagner. Impatiente de sortir, Marinette triche et aide Nino à gagner.Restée seule et inquiète pour sa sœur, Nora se fait akumatiser par le Papillon et devient Anansi, une femme araignée géante.</t>
  </si>
  <si>
    <t>FR32421-HDTX</t>
  </si>
  <si>
    <t>Gabby Duran, Baby-sitter d’extraterrestres S1 Ep 16</t>
  </si>
  <si>
    <t>Gabby Duran a le sentiment de vivre dans l'ombre de sa mère Dina, une femme brillante qui a réussi sa vie, et de sa petite sœur Olivia, qui est très intelligente. Mais Gabby trouve enfin un moyen de briller quand elle va devoir jouer la baby-sitter pour des extraterrestres qui se cachent sur Terre. Gabby n'a peur de rien et elle est très courageuse. Elle va relever le défi afin de prouver que c'est la meilleure baby-sitter de la galaxie.</t>
  </si>
  <si>
    <t>FR85384-HDTX</t>
  </si>
  <si>
    <t>Licorne et le défilé de mode ! / Tout roule, Licorne !</t>
  </si>
  <si>
    <t>Alice et Pixie n'arrivent pas à assortir leurs couleurs pour le défilé de mode. Mais Licorne a malencontreusement détruit toutes leurs tenues. Réussiront-elles à s'accorder ? / Alice prétend avoir perdu son vélo pour cacher qu'elle ne sait pas en faire. Mais plus Licorne tente de "l'aider" à le retrouver, plus elle risque d'être démasquée.</t>
  </si>
  <si>
    <t>FR63246-HDTX</t>
  </si>
  <si>
    <t>Licorne s'invite à la fête !</t>
  </si>
  <si>
    <t>Alice a planifié tous les détails de sa fête d’anniversaire à la perfection… jusqu’à ce qu’une drôle de licorne arrive à l’improviste en affirmant être le meilleur ami d’Alice !</t>
  </si>
  <si>
    <t>FR63202-HDTX</t>
  </si>
  <si>
    <t>13:30:00</t>
  </si>
  <si>
    <t>La rançon</t>
  </si>
  <si>
    <t>37</t>
  </si>
  <si>
    <t>Paf va chez le vétérinaire pour se faire enlever un plâtre à la patte. Mais Capuche, par ses bêtises, libère un petit chiot. Lola doit absolument le retrouver si elle ne veut pas avoir d’ennuis. Malgré son handicap, Paf passe à l’action. D’autant plus que les Guanos ont décidé de s’en prendre à Capuche. Pas facile quand on a une patte en moins ! Mais Paf a plus d’un tour dans son sac...</t>
  </si>
  <si>
    <t>FR66533-HDTX</t>
  </si>
  <si>
    <t>Lieutenant Sandy</t>
  </si>
  <si>
    <t>38</t>
  </si>
  <si>
    <t>Lola a trouvé l’objet de ses rêves sur internet. Pour l'avoir, il lui suffit de l’échanger avec un de ses vieux jouets. Elle retrouve « Lieutenant Sandy », une poupée qui parle et qui a traumatisé Paf quand il était petit. Quand les Guanos s’emparent de celle-ci pour attaquer Capuche, Paf va devoir surmonter ses angoisses pour récupérer le jouet et sauver le chaton.</t>
  </si>
  <si>
    <t>FR66534-HDTX</t>
  </si>
  <si>
    <t>Sauvez Tank</t>
  </si>
  <si>
    <t>39</t>
  </si>
  <si>
    <t>Victor confie son chien à Lola car il doit partir en week-end. Celle-ci accepte même si la coexistence entre le molosse et ses animaux risque de ne pas être un long fleuve tranquille. Mais quand Tank disparaît, là c’est l’angoisse. Il faut le retrouver avant que Victor ne revienne. Encore une fois, les Guanos sont dans le coup. Paf aura fort à faire pour ramener son meilleur ennemi à la maison.</t>
  </si>
  <si>
    <t>FR66535-HDTX</t>
  </si>
  <si>
    <t>Une petite sœur inventive</t>
  </si>
  <si>
    <t>52</t>
  </si>
  <si>
    <t>Isabel embarque clandestinement pour une mission dangereuse avec Elena et ses amis. Elle veut leur prouver qu'elle peut faire partie de l'équipe.</t>
  </si>
  <si>
    <t>FR71250-HDTX</t>
  </si>
  <si>
    <t>Au secours d'un oiseau soleil</t>
  </si>
  <si>
    <t>Elena tente de sauver l'oiseau soleil qui a réparé son sceptre.</t>
  </si>
  <si>
    <t>FR71251-HDTX</t>
  </si>
  <si>
    <t>Horrificator</t>
  </si>
  <si>
    <t>10</t>
  </si>
  <si>
    <t>La classe de Marinette doit réaliser un petit film d’horreur pour un festival. Marinette, désignée productrice, doit tout faire pour que le film soit tourné dans la journée. Mais l’actrice principale, Mylène, est trop effrayée pour jouer, ce qui lui attire les reproches de certains de ses camarades. Blessée, elle quitte le plateau. Marinette doit alors la remplacer, et tourner la scène où elle embrasse l’acteur principal… Adrien !</t>
  </si>
  <si>
    <t>PG19196-TX</t>
  </si>
  <si>
    <t>Le Dislocoeur</t>
  </si>
  <si>
    <t>11</t>
  </si>
  <si>
    <t>C’est la Saint-Valentin, et Marinette découvre qu’Adrien a écrit un poème à une jeune fille qu’il voit tous les jours… Et s’il s’agissait d’elle ? Pour le découvrir, elle décide d’écrire une carte à Adrien dans laquelle elle lui déclare sa flamme.Dans son enthousiasme, elle encourage Kim à avouer lui aussi ses sentiments à Chloé. Mais cette dernière se moque de lui et le rejette. Humilié, Kim est akumatisé par Le Papillon et devient l’ange noir Dislocoeur. Armé d’un arc et de roses maléfiques, il veut faire disparaître l’amour et l’amitié du cœur des Parisiens pour les remplacer par la haine</t>
  </si>
  <si>
    <t>PG19197-TX</t>
  </si>
  <si>
    <t>Echange de corps</t>
  </si>
  <si>
    <t>Eda, King et Luz échangent leurs corps à la suite d'un simple désaccord qui tourne à la catastrophe.</t>
  </si>
  <si>
    <t>FR87979-HDTX</t>
  </si>
  <si>
    <t>Portail magique</t>
  </si>
  <si>
    <t>Luz, une adolescente humaine pleine d’assurance, tombe accidentellement sur un portail permettant d’accéder à nouveau monde magique où elle se liera d’amitié avec une sorcière rebelle, Eda, et un guerrier adorable, King. Bien qu’elle n'ait aucun pouvoir magique, Luz poursuit son rêve de devenir une sorcière en servant d'apprentie à Eda au Manoir de la Chouette et trouve finalement une nouvelle famille dans un environnement improbable.</t>
  </si>
  <si>
    <t>FR80354-HDTX</t>
  </si>
  <si>
    <t>Boulangerix</t>
  </si>
  <si>
    <t>55</t>
  </si>
  <si>
    <t>Aujourd’hui, c’est l’anniversaire de Tom, le papa de Marinette. Sabine invite le père de Tom, Roland, à venir fêter l’événement avec eux, mais Roland refuse : cela fait 20 ans qu’il n’est pas sorti de chez lui, et il ne veut pas que cela change. Pour faire plaisir à son père, Marinette décide d’aller rencontrer son grand-père pour le persuader de se joindre à eux. Mais une fois sur place, Marinette n’ose pas se présenter, intimidée par le vieil homme bougon et têtu, et finit par lui mentir sur son identité.</t>
  </si>
  <si>
    <t>FR84347-HDTX</t>
  </si>
  <si>
    <t>Rebrousse-temps</t>
  </si>
  <si>
    <t>Quand Marinette apprend qu’Adrien s’apprête à passer tout un week-end à Londres avec Kagami, elle décide de lui écrire une lettre pour lui avouer ses sentiments avant qu’il ne soit trop tard. Mais Maître Fu, malade, lui confie une ordonnance ainsi qu’une lettre pour Marianne, une vieille amie à qui il n’a pas su dire qu’il l’aimait. Marinette s’embrouille et confond les divers destinataires, donnant sa lettre pour Adrien à Marianne, qui interprète mal son contenu.</t>
  </si>
  <si>
    <t>FR84369-HDTX</t>
  </si>
  <si>
    <t>Poupéflekta</t>
  </si>
  <si>
    <t>Alors que Marinette organise un défilé de mode avec ses amis, elle se retrouve à jouer les modèles avec Adrien ! Pour mieux mettre en valeur les créations de Marinette, ils enlèvent leurs Miraculous et les laissent à l’arrière d’une voiture faisant office de loge. Déçue de n’avoir pas su exprimer son désir de faire le mannequin pour le défilé, Juleka redevient Réflekta. Et quand Marinette et Adrien voient la super-vilaine arriver avec son sentimonstre, ils découvrent qu’il ne s’agit pas d’une akumatisée comme les autres et comprennent que Papillon a reçu l’aide d’un allié spécial.</t>
  </si>
  <si>
    <t>FR84348-HDTX</t>
  </si>
  <si>
    <t>Papa Garou</t>
  </si>
  <si>
    <t>58</t>
  </si>
  <si>
    <t>Quand Chat Noir manque de comprendre que Marinette est Ladybug, Marinette panique et lui fait croire qu’elle est amoureuse de lui pour détourner son attention. Mais ses parents assistent à sa déclaration, et Tom, absolument ravi, décide d’inviter Chat Noir à déjeuner chez les Dupain-Cheng. Mais quand le super-héros leur avoue qu’il n’est pas amoureux de Marinette, Tom a le coeur brisé et se fait akumatiser par le Papillon. Devenu Papa Garou, un immense homme-chien de garde monstrueux, il enferme Marinette dans une prison de ronces pour la protéger du monde extérieur et des peines de coeur.</t>
  </si>
  <si>
    <t>FR84367-HDTX</t>
  </si>
  <si>
    <t>MICKEY MOUSE COMPILATION</t>
  </si>
  <si>
    <t>L'incendie / L'oeuf mystérieux / Panique dans le tramway</t>
  </si>
  <si>
    <t>Réalisateur: Aaron SpringerRéalisateur: Aaron Springer</t>
  </si>
  <si>
    <t>2014</t>
  </si>
  <si>
    <t>PG74760-TX</t>
  </si>
  <si>
    <t>21:10:00</t>
  </si>
  <si>
    <t>Le parfum de Minnie / La visite / Mickey en Inde</t>
  </si>
  <si>
    <t>PG74770-TX</t>
  </si>
  <si>
    <t>21:20:00</t>
  </si>
  <si>
    <t>Le Coup de Foudre de Dingo / Le Capitaine Donald / Des Tulipes pour Minnie</t>
  </si>
  <si>
    <t>PG74780-TX</t>
  </si>
  <si>
    <t>21:30:00</t>
  </si>
  <si>
    <t>La course à la limonade / En Noir et Blanc / Promenade dans l'espace</t>
  </si>
  <si>
    <t>PG74790-TX</t>
  </si>
  <si>
    <t>101, RUE DES DALMATIENS</t>
  </si>
  <si>
    <t>La fête foraine de l'hiver / Jour de neige</t>
  </si>
  <si>
    <t>Dolly organise une fête foraine de l'hiver dans la maison. Alors que la neige est tombée, qui, de Dolly et Dylan ou Papa et Maman arriveront à préparer en premier les chiots à sortir ?</t>
  </si>
  <si>
    <t>Royaume-Uni</t>
  </si>
  <si>
    <t>FR79061-HDTX</t>
  </si>
  <si>
    <t>L'union parfaite / Tout feu tout flamme</t>
  </si>
  <si>
    <t>Dylan est terrifié quand il se rend compte que la meilleure amie de Dolly, un rottweiler nommée Roxy, est amoureuse de lui. Dolly va travailler avec son père mais ce n'est pas aussi mouvementé qu'elle l'espérait.</t>
  </si>
  <si>
    <t>FR79062-HDTX</t>
  </si>
  <si>
    <t>Le trésor de la lampe</t>
  </si>
  <si>
    <t>Réalisateur: Francisco Angones, Réalisateur: Matt YoungbergRéalisateur: Matt Youngberg, Réalisateur: Francisco Angones</t>
  </si>
  <si>
    <t>Les enfants tentent de retrouver une étrange lampe qu'ils ont vendue par erreur pendant que Picsou et Zaza font diversion.</t>
  </si>
  <si>
    <t>FR62629-HDTX</t>
  </si>
  <si>
    <t>Picsou, le hors-la-loi !</t>
  </si>
  <si>
    <t>Réalisateur: Matt Youngberg, Réalisateur: Francisco AngonesRéalisateur: Matt Youngberg, Réalisateur: Francisco Angones</t>
  </si>
  <si>
    <t>Au Far West, Picsou et Goldie s'associent et deviennent des hors-la-loi. Ils montent un braquage dans l'espoir de sauver une petite ville d'un homme d'affaires corrompu : Crésus Flairsou.</t>
  </si>
  <si>
    <t>FR62630-HDTX</t>
  </si>
  <si>
    <t>30/11/2020</t>
  </si>
  <si>
    <t>lundi</t>
  </si>
  <si>
    <t>LES GREEN À BIG CITY</t>
  </si>
  <si>
    <t>Silence, s'il vous plaît/naufrage</t>
  </si>
  <si>
    <t>À la bibliothèque, les Green tentent de trouver un livre, mais un bibliothécaire effrayant leur demande de se taire d'un ton menaçant. Chip doit se demander s'il est vraiment le raté que Cricket le prétend</t>
  </si>
  <si>
    <t>FR215396-HDTX</t>
  </si>
  <si>
    <t>Cricket, star de la pub / Problème de voiture</t>
  </si>
  <si>
    <t>Cricket doit tenir un rôle important dans la nouvelle publicité de Big Café mais il perd confiance en lui. Bill échange sa vieille voiture contre un modèle high-tech qui n'est pas à la hauteur de ses espérances.</t>
  </si>
  <si>
    <t>FR70934-HDTX</t>
  </si>
  <si>
    <t>ELENA ET LE SECRET D'AVALOR</t>
  </si>
  <si>
    <t>Réalisateur: Jamie Mitchell</t>
  </si>
  <si>
    <t>Sofia découvre que la princesse Elena est prisonnière de son amulette. Elle doit se rendre dans un lointain royaume afin de la libérer et de reprendre le royaume d'Avalor.</t>
  </si>
  <si>
    <t>Special</t>
  </si>
  <si>
    <t>60min</t>
  </si>
  <si>
    <t>FR32755-HDTX</t>
  </si>
  <si>
    <t>08:45:00</t>
  </si>
  <si>
    <t>Le retour d'El Capitan</t>
  </si>
  <si>
    <t>Elena fait équipe avec son grand-père pour terminer une mission qu'il a commencée il y a de nombreuses années.</t>
  </si>
  <si>
    <t>FR54816-HDTX</t>
  </si>
  <si>
    <t>SADIE SPARKS</t>
  </si>
  <si>
    <t>Sadie la diva / Les chaussures de Lulu</t>
  </si>
  <si>
    <t>Réalisateur: Olivier Lelardoux, Réalisateur: Bronagh O'HanlonRéalisateur: Olivier Lelardoux, Réalisateur: Bronagh O'Hanlon</t>
  </si>
  <si>
    <t>Lorsque Vincent met au défi Sadie et Blaine de préparer un sort d'amplification complexe, Blaine décide d'avoir recours à une technique déloyale pour prendre l'avantage sur sa rivale. Il lui lance alors un sort de diva qui lui offre un talent musical énorme accompagné d'un caractère ultra capricieux. Comment faire pour retrouver la vraie Sadie? / Les élèves sont réunis dans le gymnase pour participer à un atelier sur le " langage corporel" . Pour aider Lulu, qui a beaucoup de mal à danser, Sadie jète un sort à ses chaussures.</t>
  </si>
  <si>
    <t>FR61474-HDTX</t>
  </si>
  <si>
    <t>10:15:00</t>
  </si>
  <si>
    <t>HOTEL TRANSYLVANIE</t>
  </si>
  <si>
    <t>Vendredi noir</t>
  </si>
  <si>
    <t>Réalisateur: Robin BuddRéalisateur: Robin Budd</t>
  </si>
  <si>
    <t>Tous les cent ans, les monstres fêtent le vendredi noir qui donne lieu à un concours de frayeurs, récompensé par l’Oscar Hurlant, trophée remporté par Dracula depuis dix siècles. Celui-lui étant absent, car en mission officielle, tout le monde s’attend à ce que sa fille Mavis gagne la compétition, mais la jeune vampire n’est pas intéressée. Piquée au vif par Tante Lydia, Mavis va tenter l’impensable : elle va faire peur à un humain, ce qu’elle réussit à faire. Enfin, c’est ce qu’elle prétend.</t>
  </si>
  <si>
    <t>FR37006-HDTX</t>
  </si>
  <si>
    <t>10:35:00</t>
  </si>
  <si>
    <t>Les basketteuses</t>
  </si>
  <si>
    <t>Attristée de voir Hank être aussi maladroit au basketball, Mavis lui offre les mains d’un ancien champion basketteur aujourd’hui décédé et prouve par la même occasion qu’elle est imbattable pour choisir des cadeaux qui font plaisir. Mais bientôt Hank n’a plus de vie, car ses mains ne veulent faire rien d’autre que de jouer au basket. Mavis doit admettre son erreur et aider Hank à récupérer ses anciennes mains.</t>
  </si>
  <si>
    <t>FR37007-HDTX</t>
  </si>
  <si>
    <t>Les punaises de vérité</t>
  </si>
  <si>
    <t>Captivée pendant des jours par un interminable jeu vidéo, Mavis en oublie d’accomplir ses tâches d’employée d’hôtel et notamment de placer des punaises dans tous les lits. Réparant son oubli dans la précipitation, Mavis se trompe de bestioles et infeste les lits avec des punaises de vérité. Bientôt tous les clients de l’hôtel ne peuvent s’empêcher de dire ce qu’ils pensent et l’hôtel sombre dans le chaos !</t>
  </si>
  <si>
    <t>FR37008-HDTX</t>
  </si>
  <si>
    <t>11:10:00</t>
  </si>
  <si>
    <t>11:35:00</t>
  </si>
  <si>
    <t>12:10:00</t>
  </si>
  <si>
    <t>ZIP ZIP</t>
  </si>
  <si>
    <t>Vidéo Gaffe</t>
  </si>
  <si>
    <t>13</t>
  </si>
  <si>
    <t>Réalisateur: Lionel AllaixRéalisateur: Lionel Allaix</t>
  </si>
  <si>
    <t>Monsieur Livingstone vient de recevoir une caméra vidéo toute neuve. En l’essayant dans le jardin, il filme par hasard la chute de Sam qui a grimpé dans un arbre pour faire « comme un vrai chat ». La cascade involontaire rencontre rapidement le succès sur internet car Mr L l’a mise sur un site de vidéos humoristiques. Sam devient une célébrité dans le voisinage et prend la grosse tête. Jaloux et blessé, Washington décide de faire une vidéo de son côté, aidé par Victoria promue réalisatrice. Une véritable guerre de vidéos va s’engager entre les deux amis.</t>
  </si>
  <si>
    <t>PG12899-TX</t>
  </si>
  <si>
    <t>Malade comme un chien</t>
  </si>
  <si>
    <t>14</t>
  </si>
  <si>
    <t>Vic se réveille avec le rhume et les Livingstone appellent le Vétérinaire pour qu’il vienne l'examiner. Le Véto accepte à contrecœur et leur propose quand même d’examiner la bande, tant qu’à y être ! Nos héros paniquent – si le vétérinaire y regarde de trop près, il va voir les fermetures éclair ! Impossible ! Il faut qu’ils guérissent Vic ! Le problème c’est que le seul remède qu’ils connaissent est une danse antigrippe de la forêt !</t>
  </si>
  <si>
    <t>PG12900-TX</t>
  </si>
  <si>
    <t>12:30:00</t>
  </si>
  <si>
    <t>Voici Mitch</t>
  </si>
  <si>
    <t>M. Livingstone veut faire une photo de famille et décide que la forêt est l’endroit idéal ! Leur séance photo est presque achevée quand un ours brun particulièrement excité débarque. Et pas n’importe quel ours ! C’est MITCH, une andouille d’ours à qui ils ne peuvent pas confier leur secret ! Washington et la bande doivent enlever leurs costumes et convaincre Mitch qu’ils n’ont jamais fugué — ils ont été, euh, kidnappés !</t>
  </si>
  <si>
    <t>PG12901-TX</t>
  </si>
  <si>
    <t>12:40:00</t>
  </si>
  <si>
    <t>Bienvenue dans la niche</t>
  </si>
  <si>
    <t>M. Livingstone décide de construire une niche sophistiquée pour Washington, mais ça ne plaît PAS du tout à ce dernier. Merci, mais il aime dormir sur ses deux oreilles, à l’intérieur ! Mais, en voyant que son manque d’enthousiasme laisse M. Livingstone perplexe : quel chien ne rêverait pas d’avoir sa maison à lui ? Washington comprend qu’il ferait bien de simuler l’excitation, et en vitesse !</t>
  </si>
  <si>
    <t>PG12902-TX</t>
  </si>
  <si>
    <t>13:05:00</t>
  </si>
  <si>
    <t>Le Puzzle sans fin / Le Sandwich / Guanos et Juliette</t>
  </si>
  <si>
    <t>Lola et son papa finissent un puzzle qu’ils offriront pour la fête des mères, mais il manque une pièce. Paf aperçoit que Capuche est entrain de l’avaler et l’emmène chez un vétérinaire mais les Guanos l’ont repéré / Lors d’un pique-nique, les Guanos subtilisent le sandwich de Lola et le remplace par un autre avarié. Lola pense que c’est Victor qui a fait une blague et décide de faire de même./ Lola retombe sur Juliette, une poupée de sa petite enfance avec laquelle elle jouait avec Paf. Elle le lui confie mais les Guanos tombent amoureux de la poupée et la vole. Paf va devoir la récupérer.</t>
  </si>
  <si>
    <t>FR82999-HDTX</t>
  </si>
  <si>
    <t>14:30:00</t>
  </si>
  <si>
    <t>Méga gonflé</t>
  </si>
  <si>
    <t>Pour l’anniversaire de Paf, Lola a décidé de lui offrir un énorme ballon qu’elle a customisé à son effigie. Mais Capuche, dont la curiosité entraîne bien souvent des catastrophes, fait en sorte que le ballon s’envole par la fenêtre. Devant la détresse de Lola, Paf se lance à la poursuite du ballon. C’est sans compter sur la malice des Guanos qui ont attaché le doudou de Tank au cadeau volant.</t>
  </si>
  <si>
    <t>FR66511-HDTX</t>
  </si>
  <si>
    <t>PHINÉAS ET FERB</t>
  </si>
  <si>
    <t>Chut ! / Un assistant musclé</t>
  </si>
  <si>
    <t>89</t>
  </si>
  <si>
    <t>Réalisateur: Dan Povenmire, Réalisateur: Jay Lender, Interprète: Bowling For SoupRéalisateur: Dan Povenmire, Interprète: Bowling For Soup</t>
  </si>
  <si>
    <t>Maman, qui passe un test sur internet et a besoin de calme, charge Candice d’assurer la patrouille anti-bruit. / Baljeet se fâche avec Buford et décide d’escalader la montagne de Danville à mains nues, au grand dam de Phinéas et Ferb, privés d’inventions.</t>
  </si>
  <si>
    <t>2007</t>
  </si>
  <si>
    <t>FR54048-HDTX</t>
  </si>
  <si>
    <t>Un problème à tourner chèvre ! / Le jardin secret de Buford</t>
  </si>
  <si>
    <t>90</t>
  </si>
  <si>
    <t>Phinéas et Ferb voyagent au Drusselstein, le pays imaginaire des myrtibelles. Ils aident les habitants à résoudre une querelle concernant la direction de leurs chèvres. / Buford se déguise en ours pour aider des Filles du coin du feu de France.</t>
  </si>
  <si>
    <t>FR54049-HDTX</t>
  </si>
  <si>
    <t>Pire Noël</t>
  </si>
  <si>
    <t>Alors que Marinette prépare le réveillon en famille, Adrien s’apprête à passer son premier Noël sans sa mère. Le collégien attristé se transforme en Chat Noir et va chanter sa colère dans Paris enneigé. Quand Gabriel découvre qu’Adrien n’est plus là, il le fait rechercher. Apprenant la nouvelle, Marinette se transforme aussitôt en Ladybug, bien décidée à retrouver son Adrien. Elle le retrouve enfin en compagnie d’un Père Noël, mais pense que ce dernier est un akumatisé. Ladybug se trompe et créée des émotions négatives chez le Père Noël qui devient alors réellement une victime de Papillon.</t>
  </si>
  <si>
    <t>FR32426-HDTX</t>
  </si>
  <si>
    <t>Le Mime</t>
  </si>
  <si>
    <t>Catastrophe ! Marinette a effacé sans le vouloir une vidéo qu’Alya avait faite de Ladybug et où cette dernière la complimentait pour le Ladyblog ! Pensant qu’Alya sera furieuse, Marinette décide de lui cacher la vérité et de se transformer en Ladybug pour tourner à nouveau le film effacé. Mais son plan est compromis lorsqu’un nouveau vilain apparaît.</t>
  </si>
  <si>
    <t>PG19199-TX</t>
  </si>
  <si>
    <t>ADDITION SALÉE / LE MEILLEUR CADEAU</t>
  </si>
  <si>
    <t>Cricket invite sa famille à dîner mais Bill se demande comment son fils va payer l'addition. Tilly et Cricket se battent pour savoir si Bill prétend avoir aimé ses cadeaux de Fête des Pères.</t>
  </si>
  <si>
    <t>FR70944-HDTX</t>
  </si>
  <si>
    <t>Ascenseur en panne / Mauvaise influence</t>
  </si>
  <si>
    <t>Gloria est coincée dans un ascenseur avec la famille Green. Remy se fait avoir par un influenceur qui fait le buzz sur les réseaux sociaux et Tilly poste des vidéos avec Bill.</t>
  </si>
  <si>
    <t>FR70937-HDTX</t>
  </si>
  <si>
    <t>Le Festival de la Paix</t>
  </si>
  <si>
    <t>Gaby tente d'impressionner son père en intégrant l'équipe d'olaballe mais il se rend compte rapidement qu'il a besoin d'aide car il ne sait pas jouer !</t>
  </si>
  <si>
    <t>FR30423-HDTX</t>
  </si>
  <si>
    <t>20:00:00</t>
  </si>
  <si>
    <t>PYJAMASQUES</t>
  </si>
  <si>
    <t>Yoyo aux commandes / Bibou la revancharde</t>
  </si>
  <si>
    <t>Réalisateur: Wilson Dos Santos, Réalisateur: Merle-Anne Ridley, Réalisateur: Christian De VitaRéalisateur: Merle-Anne Ridley</t>
  </si>
  <si>
    <t>Roméo conçoit une télécommande lui permettant de prendre le contrôle d'un Pyjamasque à la fois, avec pour but de les forcer à l'aider à créer une super-télécommande... laquelle lui permettra de contrôler tout le monde ! / Quand Ninjaka casse l'oeuvre d'art réalisée par Bibou, notre héroïne décide de se venger en cassant le chef-d'oeuvre du méchant : une statue géante de Ninjaka lui-même. Mais lorsque sa vengeance menace de détruire le musée, Bibou comprend qu'on ne doit pas guérir le mal par le mal.</t>
  </si>
  <si>
    <t>Computer-Animation</t>
  </si>
  <si>
    <t>FR30368-HDTX</t>
  </si>
  <si>
    <t>20:25:00</t>
  </si>
  <si>
    <t>Gluglu et le mal de l'air / Le vélo de Yoyo</t>
  </si>
  <si>
    <t>Réalisateur: Christian De Vita, Réalisateur: Merle-Anne RidleyRéalisateur: Merle-Anne Ridley</t>
  </si>
  <si>
    <t>Roméo a une nouvelle invention qui doit lui permettre de mettre les Pyjamasques et leur QG en lévitation, et de les chasser pour de bon au gré du vent ! N'ayant ni le pouvoir de voler, ni celui de bondir dans les airs, Gluglu se sent impuissant à arrêter le méchant. / Roméo vole les super-véhicules de nos super-héros, obligeant les Pyjamasques à le poursuivre à vélo ! Dommage que Yoyo estime qu'un vélo n'est pas digne d'un super-héros, car s'il utilisait son Yoyo Rapido pour pédaler, il pourrait bien coiffer Roméo au poteau et sauver la situation...</t>
  </si>
  <si>
    <t>FR30369-HDTX</t>
  </si>
  <si>
    <t>CAMP KIKIWAKA</t>
  </si>
  <si>
    <t>Camp Inondation</t>
  </si>
  <si>
    <t>74</t>
  </si>
  <si>
    <t>La piscine du camp Champion a inondé leur campement. Lou invite Barb et ses campeurs à Kikiwaka pour la semaine, mais le regrette immédiatement.</t>
  </si>
  <si>
    <t>FR79620-HDTX</t>
  </si>
  <si>
    <t>Les deux empileurs</t>
  </si>
  <si>
    <t>75</t>
  </si>
  <si>
    <t>Lou découvre le journal du fondateur du camp, Jedediah Swearengen, et elle est choquée d'apprendre que son héros était un traître ! C'est à Destiny et à Ava de sortir Lou de son désespoir.</t>
  </si>
  <si>
    <t>FR79621-HDTX</t>
  </si>
  <si>
    <t>VIOLETTA</t>
  </si>
  <si>
    <t>Épisode 66</t>
  </si>
  <si>
    <t>66</t>
  </si>
  <si>
    <t>Réalisateur: Lucas Gil, Réalisateur: Jorge Nisco, Réalisateur: Martin Saban, Interprète: Pablo Espinosa, Interprète: Simone Lijoi, Interprète: Mercedes Lambre, Interprète: Lodovica Comello, Interprète: Florencia Benitez, Interprète: Alba Rico, Interprète: Martina Stoessel, Interprète: Jorge Blanco, Interprète: Candelaria Molfese, Interprète: Diego Ramos, Interprète: Nicolas Garnier, Interprète: Clara Alonso, Interprète: Facundo Gambande, Interprète: Iara Munoz, Interprète: Joaquin Mendez, Interprète: Milagros Ceballos, Interprète: Damian Trabada, Interprète: Gonzalo Martinez, Interprète: Esther RamosRéalisateur: Jorge Nisco, Réalisateur: Lucas Gil, Réalisateur: Martin Saban, Interprète: Simone Lijoi, Interprète: Clara Alonso, Interprète: Facundo Gambande, Interprète: Jorge Blanco, Interprète: Candelaria Molfese, Interprète: Pablo Espinosa, Interprète: Mercedes Lambre, Interprète: Lodovica Comello, Interprète: Florencia Benitez, Interprète: Alba Rico, Interprète: Martina Stoessel, Interprète: Diego Ramos, Interprète: Nicolas Garnier, Interprète: Joaquin Mendez, Interprète: Milagros Ceballos, Interprète: Iara Munoz, Interprète: Gonzalo Martinez, Interprète: Esther Ramos, Interprète: Damian Trabada</t>
  </si>
  <si>
    <t>Le casier de Ludmila est rempli d'eau de façon à ce que tout tombe sur elle quand elle l'ouvre. Tout est filmé. Broadway est toujours mis à l'écart par le groupe. Violetta réintègre la télé-réalité.</t>
  </si>
  <si>
    <t>Espagne</t>
  </si>
  <si>
    <t>2012</t>
  </si>
  <si>
    <t>43min</t>
  </si>
  <si>
    <t>FJ67402-TX</t>
  </si>
  <si>
    <t>01/12/2020</t>
  </si>
  <si>
    <t>mardi</t>
  </si>
  <si>
    <t>Légende urbaine / La fontaine à vœux</t>
  </si>
  <si>
    <t>32</t>
  </si>
  <si>
    <t>Grand-mère fait croire aux voisins qu'elle est une sorcière et Bill organise un barbecue. Cricket escroque Tilly avec une fontaine à vœux et a un cas de conscience, il doit faire un choix.</t>
  </si>
  <si>
    <t>FR70935-HDTX</t>
  </si>
  <si>
    <t>Joyeux Noël</t>
  </si>
  <si>
    <t>33</t>
  </si>
  <si>
    <t>La veille de Noël, Tilly aide Cricket à racheter toutes ses mauvaises actions de l'année pour avoir une chance de recevoir un cadeau. Pendant ce temps, Grand-Mère et Nancy tentent de trouver un cadeau pour Bill.</t>
  </si>
  <si>
    <t>FR70936-HDTX</t>
  </si>
  <si>
    <t>Le Patineur</t>
  </si>
  <si>
    <t>43</t>
  </si>
  <si>
    <t>Quand Adrien demande conseil à Marinette sur sa vie sentimentale, elle s’improvise malgré elle sa conseillère amoureuse et se retrouve prise dans un rendez-vous croisé à la patinoire : Kagami accompagne Adrien, et Luka accompagne Marinette. Philippe, un entraîneur de patinage sur glace, discute avec le Maire Bourgeois, qui veut faire fermer sa patinoire. Désemparé, Philippe se fait akumatiser par le Papillon et devient le Patineur. Armé de ses patins maléfiques, il veut faire de Paris son Royaume de glace !Alors que Ladybug et Chat Noir se découvrent des pouvoirs spéciaux</t>
  </si>
  <si>
    <t>FR32417-HDTX</t>
  </si>
  <si>
    <t>A la recherche de Zuzo</t>
  </si>
  <si>
    <t>Quand Zuzo disparaît dans le Monde des Esprits, Elena demande de l'aide à d'autres guides spirituels pour le retrouver.</t>
  </si>
  <si>
    <t>FR54809-HDTX</t>
  </si>
  <si>
    <t>Princesse Naomi</t>
  </si>
  <si>
    <t>19</t>
  </si>
  <si>
    <t>Elena décide d'organiser une Quinceañera royale pour Naomi mais celle-ci semble un peu trop apprécier être le centre de l'attention.</t>
  </si>
  <si>
    <t>FR30428-HDTX</t>
  </si>
  <si>
    <t>Mentors de Malheur / Créatures en folie</t>
  </si>
  <si>
    <t>Gilbert et Sadie se disputent devant les Anciens qui les renvoient chez eux en leur ordonnant de préparer un sortilège de transformation. Le duo est toujours en froid quand une chatte magique, Purrpetua, se glisse dans la maison. / Une autre faille s'est ouverte entre le monde des humains et le royaume magique. Les Anciens font appel à Sadie pour les aider à réparer cette déchirure, mais la jeune fille insiste pour garder avec elle une pastèque.</t>
  </si>
  <si>
    <t>FR61491-HDTX</t>
  </si>
  <si>
    <t>Super Teepee / Du flair pour les galères</t>
  </si>
  <si>
    <t>Un jour, dans la cafétéria, Sadie aperçoit Sam qui trébuche avec son plateau-repas. Par réflexe, la jeune fille lance un sort pour lui éviter de tomber. Pour éviter que toute l'école n'apprenne l'existence des pouvoirs de Sadie, Teepee dit qu'il est devenu un super héros. / Mordecai décide de faire passer un test aux deux apprentis sorciers et échange leur mentor : Gilbert doit s'occuper de Blaine et Cornelius de Sadie.</t>
  </si>
  <si>
    <t>FR61467-HDTX</t>
  </si>
  <si>
    <t>Amitié de pierre</t>
  </si>
  <si>
    <t>Mavis se persuade que le caractère de cochon de Tante Lydia est dû au fait qu’elle n’a pas d’amis. Elle décide donc d’inviter à l’hôtel l’ancienne « amie » de Lydia à l’école, Médusa. Sauf que l’amie en question était plutôt l’ennemie jurée de Lydia. Mavis aggrave son cas quand elle se retrouve avec la perruque de serpents de Méduse coincée sur la tête et qu’elle transforme son invitée en statue de pierre !</t>
  </si>
  <si>
    <t>FR37009-HDTX</t>
  </si>
  <si>
    <t>Nounou-vampire</t>
  </si>
  <si>
    <t>Mavis veut prouver à ses amis que les humains ne sont pas des créatures si dangereuses. Pour ce faire, elle s’affuble d’un masque humain et va frapper à la porte des Quatre-Quarts. Kitty la prend pour la babysitter et la fait entrer. Mais voilà que ses amis la rejoignent accidentellement dans la maison et que Kitty active le super système de sécurité avant de partir. Nos amis sont coincés !</t>
  </si>
  <si>
    <t>FR37010-HDTX</t>
  </si>
  <si>
    <t>Un match collant</t>
  </si>
  <si>
    <t>Mavis est une championne incontestée de ballon-morve et ne se gêne pas pour le faire savoir à tout le monde. Mais voilà que débarque Klaus, son tricheur de cousin, qui la défie dans un duel de ballon-morve dont l’enjeu sera le célèbre protège-dents en or de son père. Pour gagner, Mavis n’a d’autre choix que d’être aussi malhonnête que son cousin, peu importe les conséquences…</t>
  </si>
  <si>
    <t>FR37011-HDTX</t>
  </si>
  <si>
    <t>Suzie prend l'eau</t>
  </si>
  <si>
    <t>Ce soir les Livingstone sont de sortie et risquent de rentrer très tard. Pour une fois, ils vont se passer de « baby sitter » pour s’occuper de nos héros. Autant dire que pour eux, c’est comme des petites vacances. Soirée film d’horreur pour Sam et Wash tandis que Suzie et Eugénie se lancent dans un cache-cache endiablé !</t>
  </si>
  <si>
    <t>PG12903-TX</t>
  </si>
  <si>
    <t>La Nuit du Renard Garou</t>
  </si>
  <si>
    <t>Les Livingstone entendent aux infos du soir que ce sera la « Nuit du Renard Roux » - une pleine lune exceptionnelle qui luira d’un rouge vif. Ils décident alors d’organiser une soirée sur leur pelouse pour profiter de l’évènement astrologique. Ça a l’air super – sauf que tout le monde fait des blagues sur les mythiques « renards-garous » qui sont censés débarquer les soirs de lune rousse.</t>
  </si>
  <si>
    <t>PG12904-TX</t>
  </si>
  <si>
    <t>L'Amour rend Sourd</t>
  </si>
  <si>
    <t>Les Livingstone font le ménage dans leurs affaires. Ils jettent aux ordures tout un tas de vieilleries accumulées, dont une petite guitare qui tape dans l’œil de Sam. De son côté, Victoria est harcelée par un chat de gouttière vulgaire et entreprenant qui pense la séduire. Un solo de guitare de Sam, assourdissant et insupportable chasse le chat importun. Même si elle est elle-même incommodée par le bruit, Victoria fait mine d’adorer les talents musicaux de Sam pour garder son prétendant à distance.</t>
  </si>
  <si>
    <t>PG12905-TX</t>
  </si>
  <si>
    <t>Sans Queue ni Tête</t>
  </si>
  <si>
    <t>20</t>
  </si>
  <si>
    <t>Les Livingstone remarquent que Washington ne remue pas la queue comme les autres chiens. Le croyant déprimé, ils appellent le Vétérinaire. A leur grand désarroi, le vétérinaire leur recommande d’envoyer Washington à « la campagne » où il sera sûrement plus heureux. Les animaux essaient désespérément de lui apprendre à remuer la queue, mais ce n’est pas naturel pour un renard. Washington se rend compte qu’il ferait bien d’y arriver s’il veut continuer à profiter du confort du foyer des Livingstone et échapper à une vie à dormir dehors avec des vaches pour seules amies !</t>
  </si>
  <si>
    <t>PG12906-TX</t>
  </si>
  <si>
    <t>12</t>
  </si>
  <si>
    <t>Une Après-midi au musée/ Roulades sous les étoiles/ Sans un bruit</t>
  </si>
  <si>
    <t>Lola aide sa mère au musée pour une exposition caritative. Elle est en charge des tableaux que Marcel veut dérober. Il se fait passer pour un guide pour occuper Lola et laisser le champ libre à Squizel. Paf va faire échouer ce plan/ Tellement obnubilée par son enchainement de gymnastique qu’elle doit présenter à l’école, Lola fait une crise de somnambulisme. Paf va devoir la rapatrier à la maisont/ Lola a besoin d’une bonne nuit de sommeil pour son exposé du lendemain. Paf va devoir s’assurer que rien ne perturbe son sommeil notamment les Guanos, décidés à faire la fête.</t>
  </si>
  <si>
    <t>FR83000-HDTX</t>
  </si>
  <si>
    <t>Le malade imaginaire</t>
  </si>
  <si>
    <t>Lola recueille un oiseau qui s’est éclaté contre la baie vitrée. Mais il se trouve que c’est un des Guanos, bien décidé à profiter du confort de la maison. Alors que la jeune fille part chercher de quoi soigner le volatile, le Guano, menaçant Paf de représailles terribles, en profite pour se faire servir comme un roi. Et quand ses deux comparses jouent aussi les malades imaginaires pour rejoindre leur camarade, Paf doit affronter le trio de badboys et les empêcher de transformer la maison en chantier !</t>
  </si>
  <si>
    <t>FR66512-HDTX</t>
  </si>
  <si>
    <t>Complice candide / Ovni à Danville</t>
  </si>
  <si>
    <t>91</t>
  </si>
  <si>
    <t>Réalisateur: Dan Povenmire, Réalisateur: Robert F Hughes, Réalisateur: Jay Lender, Interprète: Bowling For SoupRéalisateur: Dan Povenmire, Interprète: Bowling For Soup</t>
  </si>
  <si>
    <t>Le Professeur Doofenschmirtz découvre qu’il fabrique des « inators » dans son sommeil. / Candice décide de prendre une journée pour elle et de ne pas dénoncer ses frères.</t>
  </si>
  <si>
    <t>FR54050-HDTX</t>
  </si>
  <si>
    <t>Le Pouvoir du charme</t>
  </si>
  <si>
    <t>92</t>
  </si>
  <si>
    <t>Réalisateur: Robert F Hughes, Réalisateur: Dan Povenmire, Interprète: Bowling For SoupRéalisateur: Dan Povenmire, Interprète: Bowling For Soup</t>
  </si>
  <si>
    <t>Phinéas et Ferb doivent aider Mip, leur copain extraterrestre, à sauver sa planète en empêchant Mitch, son ennemi juré, de s’emparer du Mignonium. Le Mignonium est une substance qui a le pouvoir de donner énormément de charme.</t>
  </si>
  <si>
    <t>FR54051-HDTX</t>
  </si>
  <si>
    <t>Princesse Fragrance</t>
  </si>
  <si>
    <t>La journée commence mal pour Marinette : non seulement Tikki est très malade, mais à force de repousser le moment de la faire soigner, notre héroïne finit par la perdre par négligence ! Pendant ce temps, Rose, une élève du collège très romantique, est akumatisée par Le Papillon. Devenue Princesse Fragrance et armée de son flacon de parfum, elle sème une pagaille parfumée dans toute la capitale et enlève l’élu de son cœur, un prince en visite à Paris.Chat Noir s’étant fait envoûter par Princesse Fragrance, c’est à Ladybug d’affronter seule la méchante… et Chat Noir !</t>
  </si>
  <si>
    <t>PG19201-TX</t>
  </si>
  <si>
    <t>Le Chevalier Noir</t>
  </si>
  <si>
    <t>Catastrophe ! En cherchant à ridiculiser Marinette pour l’empêcher d’être élue déléguée de classe, Chloé a mis la main sur son journal intime, dans lequel Marinette raconte tous ses secrets… y compris le fait qu’elle est Ladybug ! Marinette doit absolument le récupérer avant que Chloé ne puisse le lire !Mais avant qu’elle en ait le temps, le professeur d’escrime d’Adrien, battu aux élections municipales, est akumatisé et devient Le Chevalier Noir. Armé de son épée, il transforme les Parisiens en chevaliers pour prendre d’assaut l’Hôtel de Ville et en déloger le Maire Bourgeois.</t>
  </si>
  <si>
    <t>PG19198-TX</t>
  </si>
  <si>
    <t>Le boulet de la réconciliation / Sortie en boîte</t>
  </si>
  <si>
    <t>Chip Whistler revient se venger des Green mais il est forcé de s'excuser. Andromeda et Tilly suivent Gloria en boîte de nuit où elles doivent "soigner" son amnésie.</t>
  </si>
  <si>
    <t>FR70938-HDTX</t>
  </si>
  <si>
    <t>Cricket superstar / Le stage de football</t>
  </si>
  <si>
    <t>Cricket est confondu avec une pop star disparue et profite de la situation pour goûter à la gloire. Cricket accompagne Remy faire un stage de football pour qu'il impressionne son père.</t>
  </si>
  <si>
    <t>FR70939-HDTX</t>
  </si>
  <si>
    <t>MIRACULOUS WORLD: NEW YORK, LES HÉROS UNIS</t>
  </si>
  <si>
    <t>Réalisateur: Thomas Astruc</t>
  </si>
  <si>
    <t>La classe de Marinette doit se rendre à New York, la ville des super héros, pour célébrer la semaine de l'amitié franco-américaine. Toute la classe… sauf Adrien, car son père refuse de le laisser partir. Ladybug demande à Chat Noir de veiller sur Paris sans lui dire pourquoi elle doit s'absenter. Ce dernier prend la mission très au sérieux… mais lorsque Marinette, en tant que déléguée de classe, convainc Gabriel de laisser partir son fils avec ses camarades, Adrien a un problème. Il ne peut pas veiller en même temps sur Paris et être avec sa classe à New York. Comment va-t-il faire ?</t>
  </si>
  <si>
    <t>Télefilm</t>
  </si>
  <si>
    <t>2020</t>
  </si>
  <si>
    <t>FR87926-HDTX</t>
  </si>
  <si>
    <t>Yoyo connaît la musique / Bibou et la nouvelle technique d'attaque</t>
  </si>
  <si>
    <t>Tous les instruments de musique de l'école ont disparu, et Bibou et Gluglu sont sur le coup pour les récupérer. Yoyo, en revanche, n'est pas si pressé : il va d'abord falloir qu'il surmonte son trac de jouer de la musique en public s'il veut aider ses amis et accomplir sa mission ! / Yoyo et Gluglu imaginent une nouvelle technique de super-héros capable de maîtriser n'importe quel méchant, mais Bibou ne parvient pas à l'exécuter. Plutôt que de reconnaître qu'elle n'y arrive pas, notre héroïne refuse carrément de s'y essayer, laissant ainsi le champ libre à Roméo et à ses manoeuvres maléfiques.</t>
  </si>
  <si>
    <t>FR30370-HDTX</t>
  </si>
  <si>
    <t>Bibou et la fusée / Yoyo fait son show</t>
  </si>
  <si>
    <t>En s'introduisant en secret dans le QG des Pyjamasques, Roméo découvre que l'endroit est capable de se transformer en fusée. Nos héros ont intérêt à vite regagner leurs pénates s'ils veulent empêcher le méchant de décoller ! Hélas, Bibou se fie davantage à sa tablette tactile qu'à ses propres capacités pour arrêter Roméo... / Quand Ninjaka se vante auprès des Pyjamasques de préparer le coup le plus maléfique qu'un méchant ait jamais fait, Yoyo rétorque aussitôt qu'il va contrer Ninjaka à l'aide de l'action la plus spectaculaire qu'un super-héros ait jamais accomplie !</t>
  </si>
  <si>
    <t>FR30371-HDTX</t>
  </si>
  <si>
    <t>La chèvre et le paresseux</t>
  </si>
  <si>
    <t>76</t>
  </si>
  <si>
    <t>Lou découvre que le maire Higgins, qui est candidat à sa réélection, est une chèvre. Elle décide de présenter un paresseux du nom de Bidon poilu, contre lui.</t>
  </si>
  <si>
    <t>FR79622-HDTX</t>
  </si>
  <si>
    <t>La machine à glace</t>
  </si>
  <si>
    <t>77</t>
  </si>
  <si>
    <t>Pour aider les campeurs à mieux supporter une vague de chaleur, Lou annonce qu'elle a finalement cédé et acheté une machine à glaces pour le Camp Kikiwaka !</t>
  </si>
  <si>
    <t>FR79623-HDTX</t>
  </si>
  <si>
    <t>Un rendez-vous gênant</t>
  </si>
  <si>
    <t>Cooper et Cami apprennent que leur mère veut recommencer à sortir et que son premier rendez-vous n'est autre que le principal de leur école!</t>
  </si>
  <si>
    <t>FR58797-HDTX</t>
  </si>
  <si>
    <t>Le secret de Cami</t>
  </si>
  <si>
    <t>Cooper révèle accidentellement aux fans que Cami dort toujours avec son hippopotame en peluche "Ho-Ho" et quand l'hippopotame bien-aimé est accidentellement donné à une collecte de jouets, Fred et Cooper tentent d'arranger les choses.</t>
  </si>
  <si>
    <t>FR58808-HDTX</t>
  </si>
  <si>
    <t>Épisode 67</t>
  </si>
  <si>
    <t>67</t>
  </si>
  <si>
    <t>Réalisateur: Lucas Gil, Réalisateur: Jorge Nisco, Réalisateur: Martin Saban, Interprète: Florencia Benitez, Interprète: Alba Rico, Interprète: Jorge Blanco, Interprète: Candelaria Molfese, Interprète: Diego Ramos, Interprète: Nicolas Garnier, Interprète: Martina Stoessel, Interprète: Clara Alonso, Interprète: Facundo Gambande, Interprète: Pablo Espinosa, Interprète: Simone Lijoi, Interprète: Mercedes Lambre, Interprète: Lodovica Comello, Interprète: Joaquin Mendez, Interprète: Damian Trabada, Interprète: Gonzalo Martinez, Interprète: Esther Ramos, Interprète: Milagros Ceballos, Interprète: Iara MunozRéalisateur: Jorge Nisco, Réalisateur: Lucas Gil, Réalisateur: Martin Saban, Interprète: Simone Lijoi, Interprète: Clara Alonso, Interprète: Facundo Gambande, Interprète: Jorge Blanco, Interprète: Candelaria Molfese, Interprète: Pablo Espinosa, Interprète: Mercedes Lambre, Interprète: Lodovica Comello, Interprète: Florencia Benitez, Interprète: Alba Rico, Interprète: Martina Stoessel, Interprète: Diego Ramos, Interprète: Nicolas Garnier, Interprète: Joaquin Mendez, Interprète: Milagros Ceballos, Interprète: Iara Munoz, Interprète: Gonzalo Martinez, Interprète: Esther Ramos, Interprète: Damian Trabada</t>
  </si>
  <si>
    <t>Broadway s'accuse d'avoir mis l'eau dans le casier de Ludmila à la place de Camila. Avant que Gregorio n'ait eu le temps de le renvoyer, Broadway menace d'aller voir Antonio pour lui parler du chantage dont il a été victime.</t>
  </si>
  <si>
    <t>44min</t>
  </si>
  <si>
    <t>FJ67403-TX</t>
  </si>
  <si>
    <t>02/12/2020</t>
  </si>
  <si>
    <t>mercredi</t>
  </si>
  <si>
    <t>06:50:00</t>
  </si>
  <si>
    <t>Malédikteur</t>
  </si>
  <si>
    <t>Après s’être ridiculisée devant toute la classe, Chloé demande à son père de la venger. Mais Mr. Bourgeois a beau être le maire de Paris, ses pouvoirs ont quand même des limites. Déçue, Chloé le menace alors de partir vivre à New York avec sa mère.Paniqué et désemparé, Mr. Bourgeois se fait akumatiser par le Papillon et devient Malédikteur. Désormais doté d’un pouvoir absolu, il veut réaliser tous les rêves de sa fille Mais quand Chat Noir tombe aux prises de Malédikteur, Marinette / Ladybug n’a d’autre choix que de faire appel à Queen Bee, alias Chloé !</t>
  </si>
  <si>
    <t>FR32422-HDTX</t>
  </si>
  <si>
    <t>07:15:00</t>
  </si>
  <si>
    <t>09:00:00</t>
  </si>
  <si>
    <t>ZOMBIES : SURPRISE-PARTIE</t>
  </si>
  <si>
    <t>Les stars du film Zombies de Disney Channel se retrouvent pour une monstrueuse surprise-partie !</t>
  </si>
  <si>
    <t>FR61655-HDTX</t>
  </si>
  <si>
    <t>09:50:00</t>
  </si>
  <si>
    <t>Le Pharaon</t>
  </si>
  <si>
    <t>A cause d’une maladresse de Ladybug, Alya est persuadée que cette dernière est une collégienne. Pour empêcher Alya de découvrir son secret et suivant les conseils de Tikki, Marinette entraîne alors sa meilleure amie au musée, sans savoir elle-même pourquoi.Mais sur place, le grand frère d’Alix, Jalil, un jeune égyptologue, est akumatisé par Le Papillon et devient Pharaon, un super vilain doté des pouvoirs des dieux de l’Egypte ancienne. Il compte sacrifier Alya lors d’un rituel afin de ressusciter son amour perdu, une antique princesse égyptienne !</t>
  </si>
  <si>
    <t>PG19191-TX</t>
  </si>
  <si>
    <t>10:40:00</t>
  </si>
  <si>
    <t>Improvise comme les sorcières</t>
  </si>
  <si>
    <t>Pas vraiment une histoire de perdante.</t>
  </si>
  <si>
    <t>FR80362-HDTX</t>
  </si>
  <si>
    <t>11:45:00</t>
  </si>
  <si>
    <t>Le bal de promo</t>
  </si>
  <si>
    <t>Luz affronte Grom, le monstre du bal de Promo, et le résultat n'est pas ce à quoi elle s'attendait.</t>
  </si>
  <si>
    <t>FR87870-HDTX</t>
  </si>
  <si>
    <t>13:10:00</t>
  </si>
  <si>
    <t>13:45:00</t>
  </si>
  <si>
    <t>La Bande à Picsou</t>
  </si>
  <si>
    <t>FR83519-HDTX</t>
  </si>
  <si>
    <t>14:10:00</t>
  </si>
  <si>
    <t>FR83520-HDTX</t>
  </si>
  <si>
    <t>14:35:00</t>
  </si>
  <si>
    <t>La ballade de Duke Baleineau</t>
  </si>
  <si>
    <t>Loulou et Zaza enquêtent sur un adorable pêcheur qui pourrait bien être Archibald Gripsou.</t>
  </si>
  <si>
    <t>FR62623-HDTX</t>
  </si>
  <si>
    <t>Le Hibou Noir</t>
  </si>
  <si>
    <t>Le proviseur du collège, Monsieur Damoclès, aime se déguiser en Hibou, un super-héros qu’il admire et dont il essaie d’imiter les prouesses. Malheureusement, M. Damoclès n’a pas l’habileté de son héros, et Ladybug et Chat Noir doivent souvent voler à son secours. Au cours d’une de ses missions, Ladybug et Chat Noir, en voulant l’aider, l’humilient involontairement en public.Honteux et furieux, M. Damoclès est akumatisé par le Papillon et devient le Hibou Noir.</t>
  </si>
  <si>
    <t>FR32413-HDTX</t>
  </si>
  <si>
    <t>15:40:00</t>
  </si>
  <si>
    <t>16:05:00</t>
  </si>
  <si>
    <t>Vague de chaleur / La vérité est ailleurs</t>
  </si>
  <si>
    <t>Cricket et Remy disputent un match animé de basket lors d'une journée de canicule. Pour éviter une punition, Cricket doit faire croire à son père, pourtant rationnel, que les extraterrestres existent.</t>
  </si>
  <si>
    <t>FR70940-HDTX</t>
  </si>
  <si>
    <t>Attention au requin / Cricket marionnettiste</t>
  </si>
  <si>
    <t>La famille Green passe la journée à la plage et Cricket veut faire une blague aux baigneurs. Cricket arrive à s'immiscer dans les rêves des membres de sa famille et à les influencer, pour le pire.</t>
  </si>
  <si>
    <t>FR87811-HDTX</t>
  </si>
  <si>
    <t>Bibou, l'oiseau rare / Yoyo tambour battant</t>
  </si>
  <si>
    <t>Roméo parvient à répliquer les pouvoirs de Bibou pour se doter lui-même - ainsi que Gluglu et Yoyo - du pouvoir de voler ! Maintenant que tous autour d'elle en sont capables, Bibou a le sentiment d'avoir perdu ce qui faisait d'elle une personne unique. / Un défilé de chars se prépare en ville pour le carnaval, mais Ninjaka décide d'en faire sa propre 'Ninja Parade'. Il mène ses Ninjazouaves tambour battant - à l'aide d'un tambour volé à Yoyo - pour leur faire repeindre chars et fanions.</t>
  </si>
  <si>
    <t>FR30372-HDTX</t>
  </si>
  <si>
    <t>Yoyo revoit sa copie / Gluglu et son super sixième sens</t>
  </si>
  <si>
    <t>Que fera Yoyo, lui qui n'en fait toujours qu'à sa tête, quand il se retrouvera confronté à des clones de lui-même créés par Roméo ? Face à une ribambelle de Yoyo bis qui n'en font tous qu'à leur tête, le méchant risque bien d'avoir enfin le champ libre pour conquérir le monde... / Ninjaka met les Pyjamasques au défi de remporter une partie de "capture du drapeau" contre lui. Si nos héros perdent, le méchant gagnera leur QG ! Lorsque Gluglu se persuade que ses super pouvoirs ne suffiront pas à gagner la partie, il s'en imagine un nouveau... lequel risquerait bien de leur coûter la victoire !</t>
  </si>
  <si>
    <t>FR30373-HDTX</t>
  </si>
  <si>
    <t>Petits secrets entre amis</t>
  </si>
  <si>
    <t>78</t>
  </si>
  <si>
    <t>Comme la fin de l'été approche, Destiny propose à Finn et Matteo de se voir autant que possible pour en profiter avant la rentrée.</t>
  </si>
  <si>
    <t>FR79624-HDTX</t>
  </si>
  <si>
    <t>Camp Kikiwaka S4 Ep 79</t>
  </si>
  <si>
    <t>79</t>
  </si>
  <si>
    <t>FR79625-HDTX</t>
  </si>
  <si>
    <t>Bricoleur du dimanche</t>
  </si>
  <si>
    <t>Puisque son père n'est plus là, Cooper décide de s'occuper des réparations de la maison, mais c'est un piètre bricoleur et Cami répare ses erreurs en secret.</t>
  </si>
  <si>
    <t>FR58811-HDTX</t>
  </si>
  <si>
    <t>L'audition</t>
  </si>
  <si>
    <t>Charlotte fait appel à Coop et Cami pour devenir membre du groupe a cappella très propulaire de l'école, les Glamtronics.</t>
  </si>
  <si>
    <t>FR58812-HDTX</t>
  </si>
  <si>
    <t>Épisode 68</t>
  </si>
  <si>
    <t>68</t>
  </si>
  <si>
    <t>Réalisateur: Lucas Gil, Réalisateur: Martin Saban, Réalisateur: Jorge Nisco, Interprète: Pablo Espinosa, Interprète: Simone Lijoi, Interprète: Mercedes Lambre, Interprète: Lodovica Comello, Interprète: Alba Rico, Interprète: Clara Alonso, Interprète: Facundo Gambande, Interprète: Jorge Blanco, Interprète: Candelaria Molfese, Interprète: Diego Ramos, Interprète: Nicolas Garnier, Interprète: Florencia Benitez, Interprète: Martina Stoessel, Interprète: Iara Munoz, Interprète: Joaquin Mendez, Interprète: Damian Trabada, Interprète: Gonzalo Martinez, Interprète: Esther Ramos, Interprète: Milagros CeballosRéalisateur: Lucas Gil, Réalisateur: Martin Saban, Réalisateur: Jorge Nisco, Interprète: Diego Ramos, Interprète: Nicolas Garnier, Interprète: Florencia Benitez, Interprète: Alba Rico, Interprète: Martina Stoessel, Interprète: Pablo Espinosa, Interprète: Simone Lijoi, Interprète: Mercedes Lambre, Interprète: Lodovica Comello, Interprète: Clara Alonso, Interprète: Facundo Gambande, Interprète: Jorge Blanco, Interprète: Candelaria Molfese, Interprète: Damian Trabada, Interprète: Gonzalo Martinez, Interprète: Joaquin Mendez, Interprète: Milagros Ceballos, Interprète: Iara Munoz, Interprète: Esther Ramos</t>
  </si>
  <si>
    <t>Fédérico et Violetta sont les finalistes de la compétition. Jade et Matias découvrent que c’est leur père qui a volé l’argent de German. Matias est emmené en garde à vue pour être interrogé par la police.</t>
  </si>
  <si>
    <t>46min</t>
  </si>
  <si>
    <t>FJ67404-TX</t>
  </si>
  <si>
    <t>03/12/2020</t>
  </si>
  <si>
    <t>jeudi</t>
  </si>
  <si>
    <t>Riposte</t>
  </si>
  <si>
    <t>Une escrimeuse perd son duel face à Adrien.Humiliée, elle se fait akumatiser par le Papillon. Devenue Riposte et armée de son sabre, elle veut se venger d’Adrien en le battant lors d’un nouveau duel. Marinette / Ladybug intervient, faisant preuve d’une rage inédite face à la super vilaine qui cherche à s’en prendre à son Adrien. Coincé entre Riposte qui veut l’attaquer et Ladybug qui veut le protéger, ce dernier ne peut pas devenir Chat Noir. Il lui faudra pourtant trouver un moyen de se transformer pour aider Ladybug à vaincre l’escrimeuse akumatisée…</t>
  </si>
  <si>
    <t>FR32407-HDTX</t>
  </si>
  <si>
    <t>Marins à jamais</t>
  </si>
  <si>
    <t>25</t>
  </si>
  <si>
    <t>Lorsqu'Elena et ses amis se perdent en mer, un navire vient à leur secours.</t>
  </si>
  <si>
    <t>FR30434-HDTX</t>
  </si>
  <si>
    <t>Les Chonopos</t>
  </si>
  <si>
    <t>Un sort mystérieux transforme Elena et ses amis en sculptures maruviennes vivantes. C'est alors à Isabel de les libérer !</t>
  </si>
  <si>
    <t>FR30435-HDTX</t>
  </si>
  <si>
    <t>Le Joyau de Maru</t>
  </si>
  <si>
    <t>27</t>
  </si>
  <si>
    <t>Le jour de Día de los Muertos, Elena tente d’empêcher Victor et Carla de voler un puissant joyau maruvien.</t>
  </si>
  <si>
    <t>FR54795-HDTX</t>
  </si>
  <si>
    <t>Magie contre Aliens / Un Max de blé</t>
  </si>
  <si>
    <t>Réalisateur: Bronagh O'Hanlon, Réalisateur: Olivier LelardouxRéalisateur: Olivier Lelardoux, Réalisateur: Bronagh O'Hanlon</t>
  </si>
  <si>
    <t>Un matin, une rumeur circule à propos d'une soucoupe volante qui se serait écrasée dans la forêt d'Harmony. Sadie sait que sa mère est en ce moment à la recherche d'un scoop pour son travail, alors elle lui relaie l'info. Mais il s'agit en fait du sauna de Vincent! / Embarrassée par les inventions foireuses de Max (notamment son drone sac à dos), Sadie lui suggère plutôt de commencer par quelque chose de plus simple. Elle lui propose alors de monter un stand de chocolat chaud. Ça au moins, ça ne peut pas rater. Quoi que...</t>
  </si>
  <si>
    <t>FR61468-HDTX</t>
  </si>
  <si>
    <t>Une appli de folie / La malédiction des secrets</t>
  </si>
  <si>
    <t>Sadie prépare une petite fête chez elle, mais elle a peur que ses invités s'ennuient. Elle décide d'utiliser la nouvelle application Toady Booster sur son téléphone pour l'aider à organiser la fête. Plus tard, Sadie lance un sort à « Toady » pour lui donner un peu plus de liberté créative. / Sadie surprend Max qui fouine dans sa chambre et elle le jette dehors. Le lendemain, les élèves du collège de Harmony sont changés en pierre par une étrange silhouette sombre et les Anciens accusent Sadie d'avoir utilisé de la magie noire.</t>
  </si>
  <si>
    <t>FR61469-HDTX</t>
  </si>
  <si>
    <t>Petite Wendy deviendra grande</t>
  </si>
  <si>
    <t>Wendy en a assez d’être sous-estimée à cause de sa petite taille et de sa gentillesse naturelle. Mavis s’arrange pour aider son amie à prouver qu’elle est plus qu’une adorable petite blob, mais elle en fait trop et Wendy se met à gonfler jusqu’à devenir monstrueusement gigantesque, tout tant restant aussi mignonne.</t>
  </si>
  <si>
    <t>FR37012-HDTX</t>
  </si>
  <si>
    <t>Mauvaise copie</t>
  </si>
  <si>
    <t>Mavis, rêvant de pouvoir contempler son physique, fait l’erreur de se regarder dans le sinistre Miroir Noir dans lequel les vampires peuvent se voir. Et voilà que son reflet sort du miroir sous forme de zombie ! Mavis doit tout faire pour renvoyer son affreux double d’où il vient, surtout que son idole, le rocker Jett Black, est descendu à l’hôtel !</t>
  </si>
  <si>
    <t>FR37013-HDTX</t>
  </si>
  <si>
    <t>Repartir à n’œuf</t>
  </si>
  <si>
    <t>Mavis devait s’occuper des plantes de son père, mais elles sont toutes mortes. Voulant prouver qu’elle peut s’occuper d’une créature vivante, elle sauve un drôle d’œuf des griffes de Quasimodo. Mavis prend soin de l’œuf jusqu’à son éclosion, mais elle se retrouve avec une étrange créature qui a un goût prononcé pour la chair de vampire.</t>
  </si>
  <si>
    <t>FR37014-HDTX</t>
  </si>
  <si>
    <t>La Police des Jardins</t>
  </si>
  <si>
    <t>Les Livingstone se sont inscrits pour la première fois au concours du « Jardin de l’année », afin de remporter le célèbre Râteau d’Or. Leur jardin est impeccable. Et la bande de Wash a interdiction d’y poser les pattes jusqu’au jour du concours. Mais durant la nuit, une bête vient rôder dans le jardin : le beau jardin des Livingstone est saccagé. Les Livingstone soupçonnent leurs animaux de compagnie et Wash décide alors de mener l’enquête pour découvrir qui est cette mystérieuse Bête du Jardin...</t>
  </si>
  <si>
    <t>PG12907-TX</t>
  </si>
  <si>
    <t>Comme une truffe</t>
  </si>
  <si>
    <t>22</t>
  </si>
  <si>
    <t>Ce soir, les Livingstone reçoivent un invité de marque à dîner : le patron de Mr Livingstone. Ce dernier espère négocier une augmentation, du coup Mme L a prévu un fastueux dîner pour l’impressionner. Elle a acheté des truffes comme mets de choix. Dans le jardin, Sam devient soudain étrange. A l’odeur des précieux champignons, il devient fou et retourne à un état de frénésie sauvage. Ses amis sont incapables de le retenir !</t>
  </si>
  <si>
    <t>PG12908-TX</t>
  </si>
  <si>
    <t>Comme Chien Comme Chat</t>
  </si>
  <si>
    <t>Sam et Wash sont les meilleurs amis du monde, mais, un jour où ils jouent joyeusement, les animaux du quartier font remarquer que les chiens et les chats doivent être des ennemis jurés. Alors comment se fait-il qu’ils soient meilleurs amis ? Sam et Wash se rendent compte qu’il va falloir faire semblant de ne pas s’aimer en public, sinon les animaux du quartier vont se douter qu’ils ne sont pas qui ils prétendent. Leur fausse rivalité est amusante au départ, mais quand leur fausse dispute devient réelle, l’amitié en prend un coup !</t>
  </si>
  <si>
    <t>PG12909-TX</t>
  </si>
  <si>
    <t>Musique Sauvage</t>
  </si>
  <si>
    <t>24</t>
  </si>
  <si>
    <t>Les Livingstone organisent une fête pour leurs amis et un invité très VIP : le patron de M. Livingstone ! Alors qu’ils attendent les invités, M. Livingstone rappelle aux animaux qu’ils doivent être exemplaires. « On ne veut surtout pas qu’il pense qu’on est les propriétaires d’une bande d’animaux sauvages ! » Mais tout bascule lorsqu'une musique se fait entendre dans tout le voisinage rendant les animaux totalement... sauvages !</t>
  </si>
  <si>
    <t>PG12910-TX</t>
  </si>
  <si>
    <t>Climatika</t>
  </si>
  <si>
    <t>Aurore Boréale est la perdante d’un concours où les téléspectateurs devaient voter pour élire la nouvelle miss météo de la chaîne Kidz Plus. Akumatisée par Le Papillon, elle devient Climatika et se venge de tous ceux qui n’ont pas voté pour elle. Ladybug et Chat Noir vont devoir lutter contre son pouvoir qui plonge Paris dans un chaos météorologique.Journée orageuse pour Marinette ! Elle a la responsabilité de garder Manon, une petite fille qui met à mal son sens de l’autorité, alors qu’au même moment, Adrien, l’élu de son cœur, est en pleine séance photos au parc.</t>
  </si>
  <si>
    <t>PG19187-TX</t>
  </si>
  <si>
    <t>Le Blues de Tank/ La Médaille/ Furet-sitting</t>
  </si>
  <si>
    <t>Tank est déprimé. Paf comprend que le doudou de Tank a été victime d’un kidnapping organisé par les Guanos. Ils acceptent de lui rendre en échange de Capuche. Paf va devoir protéger Capuche en récupérant le doudou./ Lola et Paf remportent une médaille lors d’un concours. Alors que Victor est triste de ne pas en avoir remporter une, Lola décide de l’aider. Les Guanos chapardent la médaille de Lola. Paf va tout faire pour la récupérer./ Pour voler la tirelire de Lola, Marcel lui demande de garder son furet, qui n'est autre que Squizel déguisé. Paf va devoir contrecarrer ce plan.</t>
  </si>
  <si>
    <t>FR83001-HDTX</t>
  </si>
  <si>
    <t>Mille sabords</t>
  </si>
  <si>
    <t>Lola, Lucie et Hugo sont plongés en plein remake de Pirates des Caraïbes. Paf n’est pas en reste et apprécie son rôle de brigand des mers. Lola prend les bojoux de sa mère pour constituer le trésor. Lorsqu’ils disparaissent, Paf mène l’enquête.</t>
  </si>
  <si>
    <t>FR66513-HDTX</t>
  </si>
  <si>
    <t>L’attracteur de Maman / Baljeet super génie</t>
  </si>
  <si>
    <t>93</t>
  </si>
  <si>
    <t>Réalisateur: Dan Povenmire, Réalisateur: Jay Lender, Réalisateur: Robert F Hughes, Interprète: Bowling For SoupRéalisateur: Dan Povenmire, Interprète: Bowling For Soup</t>
  </si>
  <si>
    <t>Phinéas et Ferb laissent à Candice le choix de l’invention du jour. Elle leur commande un attracteur de Maman pour être sûre de pouvoir les démasquer. / Phinéas et Ferb fabriquent un casque cérébro-stimulant pour Baljeet qui décuple son intelligence.</t>
  </si>
  <si>
    <t>FR54052-HDTX</t>
  </si>
  <si>
    <t>Romance interdite / Marché aux puces</t>
  </si>
  <si>
    <t>94</t>
  </si>
  <si>
    <t>Réalisateur: Robert F Hughes, Réalisateur: Dan Povenmire, Réalisateur: Jay Lender, Interprète: Bowling For SoupRéalisateur: Dan Povenmire, Interprète: Bowling For Soup</t>
  </si>
  <si>
    <t>Vanessa Doofenschmirtz et Monty Monogram, les enfants des 2 ennemis jurés, ont leur premier rendez-vous dans un café. / Phinéas, Ferb et leur père partent à la recherche d’un grattoir à chaussures antique au marché aux puces de Danville.</t>
  </si>
  <si>
    <t>FR54053-HDTX</t>
  </si>
  <si>
    <t>Numeric</t>
  </si>
  <si>
    <t>Vincent Asa est fan de la rockstar Jagged Stone. Akumatisé par Le Papillon, il devient Numeric et compte capturer l’image de son idole pour toujours. Ladybug et Chat Noir devront faire attention à ne pas se faire flasher !</t>
  </si>
  <si>
    <t>PG19209-TX</t>
  </si>
  <si>
    <t>Guitar Vilain</t>
  </si>
  <si>
    <t>Marinette se voit confier la réalisation de la pochette du dernier album de son idole, la rockstar Jagged Stone ! Bridée par le manager autoritaire de la star, Marinette n’ose pas suivre son intuition et Jagged Stone refuse sa création. Elle décide de recommencer, cette fois-ci à sa façon.Mais entre-temps, Jagged Stone, lassé et humilié par les provocations d’un jeune chanteur orgueilleux nommé Mr XY, se fait akumatiser par Le Papillon.</t>
  </si>
  <si>
    <t>PG19207-TX</t>
  </si>
  <si>
    <t>Bill est accro / Côté sauvage</t>
  </si>
  <si>
    <t>Bill devient accro à un jeu vidéo de simulation de ferme. Le côté sauvage de Cricket prend le dessus lorsque Bill refuse de l'emmener camper.</t>
  </si>
  <si>
    <t>FR70942-HDTX</t>
  </si>
  <si>
    <t>Histoires de Grand-mère / La ferme des animaux</t>
  </si>
  <si>
    <t>40</t>
  </si>
  <si>
    <t>Après avoir trouvé une boîte pleine de souvenirs, Grand-mère raconte ses aventures aux enfants. Les Green sont au marché. Les animaux détrônent leur reine, Phoenix, et entrent dans la maison.</t>
  </si>
  <si>
    <t>FR70943-HDTX</t>
  </si>
  <si>
    <t>Silence</t>
  </si>
  <si>
    <t>59</t>
  </si>
  <si>
    <t>Bob Roth, père et producteur du célèbre XY, lance un appel d’offre visant à trouver de nouveaux talents. Marinette y voit une occasion en or pour les Kitty Section de se faire connaître du grand public. Elle les aide donc à réaliser et envoyer un clip pour lequel elle crée elle-même les décors et les costumes. Mais bientôt, Marinette et ses amis s’aperçoivent que Bob Roth a volé les créations de Marinette pour son fils XY. Furieux pour celle dont il est amoureux, Luka est akumatisé par le Papillon.</t>
  </si>
  <si>
    <t>FR76942-HDTX</t>
  </si>
  <si>
    <t>L’apprentie magicienne</t>
  </si>
  <si>
    <t>Mateo prend une apprentie et se rend compte qu'enseigner est plus difficile qu'il n'y paraît !</t>
  </si>
  <si>
    <t>FR30431-HDTX</t>
  </si>
  <si>
    <t>Le Tournoi d'Escrime</t>
  </si>
  <si>
    <t>Déterminée à prouver qu'elle est suffisamment douée pour l'escrime, Elena décide de participer au tournoi annuel déguisée en "Chevalier Elezar".</t>
  </si>
  <si>
    <t>FR30422-HDTX</t>
  </si>
  <si>
    <t>Bibou et les Bibou-zouaves / Gluglu rejette la faute</t>
  </si>
  <si>
    <t>Réalisateur: Wilson Dos Santos, Réalisateur: Christian De Vita, Réalisateur: Merle-Anne RidleyRéalisateur: Merle-Anne Ridley</t>
  </si>
  <si>
    <t>Cette fois, Ninjaka est allé trop loin : ses Ninjazouaves en ont assez de lui, et sont prêts à changer de camp pour travailler pour Bibou ! Mais ces nouveaux acolytes risquent bien de mettre Bibou dans le pétrin si notre héroïne n'apprend pas à être une bonne meneuse d'équipe. / Cameron prête une petite voiture à Greg, mais notre héros n'en prend pas suffisamment soin et finit par la perdre. Les choses se corsent encore quand l'objet réapparaît la nuit... entre les mains de Sorceline ! Refusant de reconnaître ses torts, Gluglu persiste dans une erreur qui pourrait bien lui coûter la victoire.</t>
  </si>
  <si>
    <t>FR30374-HDTX</t>
  </si>
  <si>
    <t>Gluglu sauve Noël / Le plan glacé de Gluglu</t>
  </si>
  <si>
    <t>Réalisateur: Merle-Anne Ridley, Réalisateur: Christian De VitaRéalisateur: Merle-Anne Ridley</t>
  </si>
  <si>
    <t>C'est la veille de Noël et quelqu'un a volé toutes les décorations du sapin ! Les Pyjamasques enquêtent et découvrent que Sorceline est occupée à dérober tous les cadeaux de Noël… / Les Pyjamasques découvrent que la glace a recouvert la majeure partie de la ville : tout le monde glisse et dérape ! Ils se rendent vite compte qu'encore une fois, c'est Roméo qui est responsable de toute cette pagaille…</t>
  </si>
  <si>
    <t>FR30357-HDTX</t>
  </si>
  <si>
    <t>Clowneries et mairie</t>
  </si>
  <si>
    <t>80</t>
  </si>
  <si>
    <t>Lou organise une kermesse pour récolter des dons afin de financer son premier projet de maire : une aire de jeux pour les enfants de Moose Rump.</t>
  </si>
  <si>
    <t>FR79626-HDTX</t>
  </si>
  <si>
    <t>Frankie Murmure</t>
  </si>
  <si>
    <t>81</t>
  </si>
  <si>
    <t>Lorsque Noah et la Destiny remarquent que Matteo se faufile dans les bois la nuit, ils le suivent et découvrent bientôt qu'il travaille à l'auberge de Miss Tilly !</t>
  </si>
  <si>
    <t>FR79627-HDTX</t>
  </si>
  <si>
    <t>Mon ami le Principal</t>
  </si>
  <si>
    <t>Cooper est mis à l'écart à l'école parce que ses camarades le croient ami avec le principal Walker.</t>
  </si>
  <si>
    <t>FR63797-HDTX</t>
  </si>
  <si>
    <t>À la recherche d'Oliver</t>
  </si>
  <si>
    <t>Cooper et Cami perdent Oliver au centre commercial et ils doivent le retrouver avant que Jenna s'en rende compte et l'empêche de participer à "Vous préférez quoi?".</t>
  </si>
  <si>
    <t>FR58814-HDTX</t>
  </si>
  <si>
    <t>Épisode 69</t>
  </si>
  <si>
    <t>69</t>
  </si>
  <si>
    <t>Réalisateur: Lucas Gil, Réalisateur: Martin Saban, Réalisateur: Jorge Nisco, Interprète: Clara Alonso, Interprète: Facundo Gambande, Interprète: Jorge Blanco, Interprète: Candelaria Molfese, Interprète: Pablo Espinosa, Interprète: Simone Lijoi, Interprète: Mercedes Lambre, Interprète: Lodovica Comello, Interprète: Florencia Benitez, Interprète: Alba Rico, Interprète: Martina Stoessel, Interprète: Diego Ramos, Interprète: Nicolas Garnier, Interprète: Milagros Ceballos, Interprète: Gonzalo Martinez, Interprète: Esther Ramos, Interprète: Iara Munoz, Interprète: Damian Trabada, Interprète: Joaquin MendezRéalisateur: Lucas Gil, Réalisateur: Martin Saban, Réalisateur: Jorge Nisco, Interprète: Diego Ramos, Interprète: Nicolas Garnier, Interprète: Florencia Benitez, Interprète: Alba Rico, Interprète: Martina Stoessel, Interprète: Pablo Espinosa, Interprète: Simone Lijoi, Interprète: Mercedes Lambre, Interprète: Lodovica Comello, Interprète: Clara Alonso, Interprète: Facundo Gambande, Interprète: Jorge Blanco, Interprète: Candelaria Molfese, Interprète: Damian Trabada, Interprète: Gonzalo Martinez, Interprète: Joaquin Mendez, Interprète: Milagros Ceballos, Interprète: Iara Munoz, Interprète: Esther Ramos</t>
  </si>
  <si>
    <t>Angie embrasse German pour l'empêcher de voir Violetta entrer au Studio. Violetta croit que ce baiser est réel. Francesca ne supporte pas l'idée de s'être disputée avec Violetta. Pablo décide de rompre avec Angie.</t>
  </si>
  <si>
    <t>FJ67405-TX</t>
  </si>
  <si>
    <t>04/12/2020</t>
  </si>
  <si>
    <t>vendredi</t>
  </si>
  <si>
    <t>Le marchand de sable</t>
  </si>
  <si>
    <t>49</t>
  </si>
  <si>
    <t>Parcourant la ville sur son nuage magique, le Marchand de Sable donne vie aux mauvais rêves de tous ceux qu’il croise, y compris Marinette et Adrien. Marinette se retrouve alors poursuivie par une vision cauchemardesque d’un Adrien amoureux de Chloé, tandis que le vrai Adrien, lui, se fait emprisonner dans sa chambre !Tikki et Plagg passent la nuit avec les autres kwamis, Marinette et Adrien ne peuvent pas se transformer en Ladybug et Chat Noir pour aller affronter l’énigmatique Marchand de Sable… Parviendront-ils à retrouver Tikki et Plagg à temps pour faire cesser ce cauchemar?</t>
  </si>
  <si>
    <t>FR32423-HDTX</t>
  </si>
  <si>
    <t>Rivalité royale</t>
  </si>
  <si>
    <t>Réalisateur: Robb Pratt, Réalisateur: Nathan ChewRéalisateur: Robb Pratt</t>
  </si>
  <si>
    <t>Alors qu'elle tente de créer des liens avec un royaume voisin, Elena se découvre un esprit de compétition lorsqu'elle est mise au défi par une autre princesse.</t>
  </si>
  <si>
    <t>FR54796-HDTX</t>
  </si>
  <si>
    <t>La malédiction d'El Guapo</t>
  </si>
  <si>
    <t>Lorsque Gaby "emprunte" une épée ensorcelée, il adopte la personnalité prétentieuse de son ancien propriétaire.</t>
  </si>
  <si>
    <t>FR54797-HDTX</t>
  </si>
  <si>
    <t>Trois jagons et une princesse</t>
  </si>
  <si>
    <t>Alors qu'Isabel tente de prouver qu'elle peut prendre soin de trois bébés jagons toute seule, ils parviennent à s'échapper. Isabel doit alors les retrouver avant le retour de leurs parents.</t>
  </si>
  <si>
    <t>FR54798-HDTX</t>
  </si>
  <si>
    <t>Go Gilbert Go / Le vengeur mystérieux</t>
  </si>
  <si>
    <t>La ville de Harmony accueille bientôt un grand tournoi de basketball, avec plusieurs matchs sur un ou deux jours. Problème : Gilbert qui est habituellement présent pour que les joueurs touchent sa tête en guise de porte-bonheur ne peut pas venir à cause d'une mission que lui ont confiée les Anciens. / Quand Val et les jumelles se moquent de Teepee en cours de sport, Sadie est furieuse et elle veut venger son ami en utilisant la magie. Mais Gilbert le lui interdit. Il raconte sa frustration à un nain de jardin qui s'avère être une créatue maléfique.</t>
  </si>
  <si>
    <t>FR61471-HDTX</t>
  </si>
  <si>
    <t>Cupcake Révolution / Tous au lit</t>
  </si>
  <si>
    <t>Sadie et ses amis préparent des tonnes de cupcakes ! Mais Sadie remarque alors qu'elle a perdu sa bague, les trois amis se mettent à détruire toutes leurs belles pâtisseries. Pourquoi n'utiliserait-elle pas le sort de duplication pour répliquer le dernier cupcake ? / Sadie est super fière : on lui a confié la garde de Luke, le petit frère de Sam. Mais Luke est un peu pénible et lorsqu'il se met à pleurer, ni Sadie ni aucun de ses amis ne sait comment s'y prendre pour le calmer. Gilbert, qui ne supporte pas les cris de l'enfant, pousse Sadie à utiliser un léger sort de sommeil.</t>
  </si>
  <si>
    <t>FR61472-HDTX</t>
  </si>
  <si>
    <t>Hôtel Pennsylvanie</t>
  </si>
  <si>
    <t>Nos amis meurent d’envie de voir l’ultime épisode de « Hôtel Pennsylvanie », leur série télé humaine préférée, mais cette sale moucharde de Diane les en empêche. Mavis et sa bande décident d’inverser les rôles en espionnant Diane et découvrent qu’elle mène une double vie en tant qu’animal de compagnie des Quatre-Quarts.</t>
  </si>
  <si>
    <t>FR37015-HDTX</t>
  </si>
  <si>
    <t>Le combat des chefs</t>
  </si>
  <si>
    <t>Mavis est enfin nommée employée du mois et a donc l’honneur de déguster en compagnie de tante Lydia le fameux petit déjeuner préparé par Quasimodo, un repas qui met sa tante de fort bonne humeur chaque matin. Mais quand Mavis trouve que son plat manque de sel, Quasimodo se vexe et démissionne. Mavis doit le convaincre de revenir ou de le remplacer par un insecte chef cuisinier qui vit dans l’oreille de Pedro ! Et tout ça sans que Lydia n’en sache rien…</t>
  </si>
  <si>
    <t>FR37016-HDTX</t>
  </si>
  <si>
    <t>Wendy et les blobettes</t>
  </si>
  <si>
    <t>Le docteur Gilman opère Wendy et lui retire un vieux chewing-gum pris dans sa queue de cheval. Suivant la tradition Blob, Wendy estime qu’elle a une dette envers lui et doit lui sauver la vie à son tour. Gillman en a vite assez d’avoir Wendy comme ange gardien et nos amis mettent faussement la vie du médecin en danger pour que Wendy finisse par le lâcher. Mais la manœuvre échoue, car Mavis, Pedro et Hank sauvent plutôt la vie de Wendy qui doit leur sauver la vie à eux aussi !</t>
  </si>
  <si>
    <t>FR37017-HDTX</t>
  </si>
  <si>
    <t>Animan</t>
  </si>
  <si>
    <t>Alors qu’elle pense passer l’après-midi au zoo avec Nino et Adrien, Marinette se retrouve seule avec Nino. Ce dernier, amoureux d’elle et coaché à distance par Adrien, essaie de lui avouer ses sentiments. Mais, intimidé, il finit par lui dire qu’il aime Alya. Cette dernière coache également Marinette et entend tout. Malgré les réticences de sa meilleure amie, Marinette finit par proposer à Nino un rendez-vous avec Alya !</t>
  </si>
  <si>
    <t>PG19204-TX</t>
  </si>
  <si>
    <t>Cap ou pas Cap</t>
  </si>
  <si>
    <t>Nos héros voient les Livingstone s’amuser avec un « cap ou pas cap », et décident de lancer leur propre version du jeu. C’est bon enfant et rigolo jusqu’à ce que Vic place la barre plus haut en défiant Wash et Sam de retirer leurs costumes à l’extérieur, à côté d’un agent de police !</t>
  </si>
  <si>
    <t>PG12911-TX</t>
  </si>
  <si>
    <t>La Lettre Maudite</t>
  </si>
  <si>
    <t>Quand le Facteur dépose une lettre du Vétérinaire par la fente dans la porte, nos héros ne tardent pas à se rendre compte que ça ne peut pas être une bonne nouvelle. Et si c’était pour les vaccins ? Ou leurs identités ?? Paniqué, Sam l’avale ! Vic fait rapidement remarquer que les L attendent peut-être cette lettre et comme la Poste ne fait jamais d’erreurs, ils pourraient avoir des doutes en constatant sa disparition !</t>
  </si>
  <si>
    <t>PG12912-TX</t>
  </si>
  <si>
    <t>Des Vacances Mouvementées</t>
  </si>
  <si>
    <t>C’est les vacances pour les Livingstone et nos héros sont surexcités. Jusqu’à ce qu’ils découvrent que vacances égalent chenil pour tous les animaux des Livingstone ! Seule Victoria fait comme s’ils se rendaient dans un spa luxueux, évidemment, elle n’a pas peur que les toiletteurs du chenil découvrent sa fermeture éclair, elle ! Nos héros planifient une évasion spectaculaire du chenil !</t>
  </si>
  <si>
    <t>PG12913-TX</t>
  </si>
  <si>
    <t>Bête de Scène</t>
  </si>
  <si>
    <t>Quand M. Livingstone autorise Alphie, le petit voisin âgé de 6 ans et ennemi juré des animaux, à prendre Eugénie pour son numéro de magie du spectacle de talents de l’école, nos héros paniquent ! Alphie est un danger pour tous les animaux ! Victoria leur a raconté plein d’histoires ! Sam et Wash se lancent dans une mission de sauvetage risquée pour sortir Eugénie de l’école d’Alphie.</t>
  </si>
  <si>
    <t>PG12914-TX</t>
  </si>
  <si>
    <t>Le Bulleur</t>
  </si>
  <si>
    <t>Réalisateur: Thomas Astruc, Réalisateur: Matthieu ChoquetRéalisateur: Thomas Astruc</t>
  </si>
  <si>
    <t>Nino n’a pas réussi à convaincre le père d’Adrien d’organiser une fête pour son ami. Déçu, il est akumatisé par Le Papillon. Devenu Le Bulleur, et armé de son épée à bulles magiques, il se débarrasse des adultes, ces empêcheurs de s’amuser, en les emprisonnant dans des bulles qu’il envoie ensuite dans le ciel. Ladybug doit affronter seule le Bulleur car Chat Noir n'est pas là... Adrien s’étant laissé convaincre de profiter de la fête organisée par le Bulleur en l’absence de son père.</t>
  </si>
  <si>
    <t>PG19188-TX</t>
  </si>
  <si>
    <t>L’imposteur</t>
  </si>
  <si>
    <t>Catastrophe ! Marinette a laissé par erreur un message sur le répondeur d’Adrien dans lequel elle lui avoue ses sentiments. Il faut absolument qu’elle retrouve le téléphone d’Adrien avant lui pour effacer le message compromettant.Prise dans sa course contre la montre, elle ne peut pas assister à l’inauguration d’une statue de Ladybug et Chat Noir créée par Théo Camiel. Chat Noir profite de son absence pour faire croire à Théo, amoureux de notre héroïne, qu’il y a plus que de l’amitié entre Ladybug et lui. Déçu et jaloux, Théo est akumatisé par Le Papillon.</t>
  </si>
  <si>
    <t>PG19189-TX</t>
  </si>
  <si>
    <t>Un Goûter Presque Parfait/ Trois Oiseaux et un Couffin/ Kung Fu Hamster</t>
  </si>
  <si>
    <t>Honorine et Pompon débarquent chez Lola. Honorine propose de préparer un gâteau mais elle a perdu ses lunettes et fait n’importe quoi. Les Guanos ont piqué les lunettes et Paf va tout faire pour les récupérer./ Lola garde Pompon qui siège dans son couffin dernier cri. Les Guanos vont s’emparer du couffin et essayer de l’ouvrir pour récupérer Capuche qui a pris la place de Pompon. Paf va faire échouer les Guanos./ Inspiré par une bd, Pompom devient un maitre de Kung Fu. Paf doit le maitriser avant qu’il ne détruise tout sur son passage notamment le projet scientifique de Lola.</t>
  </si>
  <si>
    <t>FR83002-HDTX</t>
  </si>
  <si>
    <t>Meilleur ennemi</t>
  </si>
  <si>
    <t>Paf est pris en chasse par son ennemi de toujours, Tank. Au détour d’un carrefour, le chien de Victor est capturé par la fourrière. Vu l’excitation du molosse, ce chien est un danger public. Victor est triste et Lola, compatissante - elle imagine ce que serait la vie sans Paf- veut aider son voisin. Face au gardien de la fourrière peu compréhensif, Paf va donc devoir libérer Tank. Au passage, il en profitera pour libérer tous les autres animaux.</t>
  </si>
  <si>
    <t>FR66515-HDTX</t>
  </si>
  <si>
    <t>Doofenrhynque / Les nanabots</t>
  </si>
  <si>
    <t>95</t>
  </si>
  <si>
    <t>Phinéas et Ferb inventent un appareil qui transforme n’importe quel solide en liquide pour créer des smoothies plus qu’exotiques. / Phinéas et Ferb font tellement de choses avec leurs nanobots que Candice n’arrive plus à les dénoncer à leur mère.</t>
  </si>
  <si>
    <t>FR54054-HDTX</t>
  </si>
  <si>
    <t>Le choc des mondes / La traversée du désert</t>
  </si>
  <si>
    <t>96</t>
  </si>
  <si>
    <t>La planète qui héberge un ami que Buford avait perdu de vue, Tristan le Baloiseau, est sur le point de rentrer en collision avec la Terre. / Doofenschmirtz et Perry s’écrasent dans le désert et doivent se supporter pendant le trajet du retour.</t>
  </si>
  <si>
    <t>FR54055-HDTX</t>
  </si>
  <si>
    <t>Kung Food</t>
  </si>
  <si>
    <t>Marinette fait la connaissance de Cheng Sifu, son grand-oncle cuisinier, venu de Chine. Marinette ne parlant pas un mot de chinois, Alya lui suggère de faire appel à Adrien pour l’aider en tant qu’interprète. Ensemble, ils accompagnent Cheng Sifu à un concours de cuisine au Grand Paris, le palace du père de Chloé.Mais après une dispute avec Marinette, Chloé sabote le plat de Cheng Sifu. Ce dernier, humilié, est akumatisé en Kung Food.</t>
  </si>
  <si>
    <t>PG19200-TX</t>
  </si>
  <si>
    <t>Le Gamer</t>
  </si>
  <si>
    <t>Adrien et Max doivent représenter le collège en binôme lors d’un important tournoi de jeux vidéo. Mais Marinette a une autre idée en tête ! Pour pouvoir passer du temps avec Adrien, elle parvient à prendre la place de Max en le battant au jeu lors d’un défi improvisé. Mais ce qu’elle n’avait pas prévu, c’est qu’Adrien devrait venir chez elle pour s’entraîner ! Aussi troublée qu’excitée, Marinette n’aura cependant pas le temps de profiter de ce rendez-vous improvisé car, entre-temps, Max, déçu et humilié, s’est fait akumatiser.</t>
  </si>
  <si>
    <t>PG19202-TX</t>
  </si>
  <si>
    <t>Volpina</t>
  </si>
  <si>
    <t>Marinette a une rivale au collège, une nouvelle élève qui s’appelle Lila et qui semble un peu trop s’intéresser à Adrien. La jeune fille raconte à ce dernier qu’elle en sait long sur les super héros, et même qu’elle connaît Ladybug ! Furieuse de voir qu’Adrien semble séduit, Marinette se transforme en Ladybug pour confondre Lila. Mais elle s’en fait une ennemie mortelle en l’humiliant devant Adrien.</t>
  </si>
  <si>
    <t>PG19212-TX</t>
  </si>
  <si>
    <t>FR86012-HDTX</t>
  </si>
  <si>
    <t>24min</t>
  </si>
  <si>
    <t>FR86011-HDTX</t>
  </si>
  <si>
    <t>FR86010-HDTX</t>
  </si>
  <si>
    <t>Ladybug &amp; Chat Noir (Origines – Partie 1)</t>
  </si>
  <si>
    <t>C’est la rentrée, et cette année encore, Marinette se retrouve dans la classe de Chloé, dont elle est le souffre-douleur. Mais elle trouve une amie en Alya, une nouvelle élève dont elle admire le caractère fonceur.Adrien, célèbre mannequin, aimerait aller au collège comme tout le monde, mais son père autoritaire et surprotecteur le lui interdit. Devenir Chat Noir lui permettra de découvrir pour la première fois les joies de la liberté et de laisser l’adolescent énergique et facétieux qui est en lui s’exprimer pleinement.</t>
  </si>
  <si>
    <t>PG19211-TX</t>
  </si>
  <si>
    <t>Cœur De Pierre (Origines – Partie 2)</t>
  </si>
  <si>
    <t>Adrien décide de désobéir à son père et d’aller au collège pour la première fois. C’est là que Marinette le rencontre, mais un malentendu lui fait penser qu’Adrien ne vaut pas mieux que Chloé, avec qui il est ami.Nos collégiens n’ont pas le temps de faire connaissance car il leur faut affronter Cœur de Pierre, alias Ivan, akumatisé par Le Papillon. Si Adrien n’hésite pas un instant à se transformer en Chat Noir, Marinette manque de confiance en elle et ne veut plus être Ladybug.</t>
  </si>
  <si>
    <t>PG19203-TX</t>
  </si>
  <si>
    <t>La fée du camp</t>
  </si>
  <si>
    <t>82</t>
  </si>
  <si>
    <t>Finn n'est pas content quand il apprend que le petit-ami de sa mère, Dave, vient au camp Kikiwaka.</t>
  </si>
  <si>
    <t>FR79628-HDTX</t>
  </si>
  <si>
    <t>Surprise-surprise</t>
  </si>
  <si>
    <t>83</t>
  </si>
  <si>
    <t>Lou est invitée à une conférence pour les directeurs de camps, où elle doit faire un discours. Elle autorise Destiny à l'accompagner, mais regrette rapidement cette décision.</t>
  </si>
  <si>
    <t>FR79629-HDTX</t>
  </si>
  <si>
    <t>Épisode 70</t>
  </si>
  <si>
    <t>70</t>
  </si>
  <si>
    <t>Réalisateur: Lucas Gil, Réalisateur: Martin Saban, Réalisateur: Jorge Nisco, Interprète: Clara Alonso, Interprète: Facundo Gambande, Interprète: Jorge Blanco, Interprète: Candelaria Molfese, Interprète: Nicolas Garnier, Interprète: Mercedes Lambre, Interprète: Lodovica Comello, Interprète: Florencia Benitez, Interprète: Alba Rico, Interprète: Martina Stoessel, Interprète: Diego Ramos, Interprète: Pablo Espinosa, Interprète: Simone Lijoi, Interprète: Gonzalo Martinez, Interprète: Esther Ramos, Interprète: Damian Trabada, Interprète: Joaquin Mendez, Interprète: Milagros Ceballos, Interprète: Iara MunozRéalisateur: Lucas Gil, Réalisateur: Martin Saban, Réalisateur: Jorge Nisco, Interprète: Diego Ramos, Interprète: Nicolas Garnier, Interprète: Florencia Benitez, Interprète: Alba Rico, Interprète: Martina Stoessel, Interprète: Pablo Espinosa, Interprète: Simone Lijoi, Interprète: Mercedes Lambre, Interprète: Lodovica Comello, Interprète: Clara Alonso, Interprète: Facundo Gambande, Interprète: Jorge Blanco, Interprète: Candelaria Molfese, Interprète: Damian Trabada, Interprète: Gonzalo Martinez, Interprète: Joaquin Mendez, Interprète: Milagros Ceballos, Interprète: Iara Munoz, Interprète: Esther Ramos</t>
  </si>
  <si>
    <t>German croit que Violetta est allée passer l'examen d'entrée à l'école de musique alors qu'elle participait à la finale du concours. Camila se mêle de changer les arrangements du thème composé par la bande des garçons.</t>
  </si>
  <si>
    <t>42min</t>
  </si>
  <si>
    <t>FJ67406-TX</t>
  </si>
  <si>
    <t>DJFR</t>
  </si>
  <si>
    <t>LA MAISON DE MICKEY</t>
  </si>
  <si>
    <t>Le bébé dragon</t>
  </si>
  <si>
    <t>Réalisateur: Vic Cook, Réalisateur: Donovan Cook, Réalisateur: Rob LaDuca, Réalisateur: Sherie Pollack, Interprète: They Might Be GiantsRéalisateur: Donovan Cook, Réalisateur: Vic Cook, Réalisateur: Rob LaDuca, Réalisateur: Sherie Pollack, Interprète: They Might Be Giants</t>
  </si>
  <si>
    <t>Mickey lit un conte dont le héros est le magicien Pat. Ce magicien perd un œuf de dragon que Mickey et ses amis vont trouver.</t>
  </si>
  <si>
    <t>2005</t>
  </si>
  <si>
    <t>FR30664-HDTX</t>
  </si>
  <si>
    <t>06:30:00</t>
  </si>
  <si>
    <t>La ballade en bulle de Pluto</t>
  </si>
  <si>
    <t>Réalisateur: Donovan Cook, Réalisateur: Vic Cook, Réalisateur: Rob LaDuca, Réalisateur: Sherie Pollack, Interprète: They Might Be GiantsRéalisateur: Donovan Cook, Réalisateur: Vic Cook, Réalisateur: Rob LaDuca, Réalisateur: Sherie Pollack, Interprète: They Might Be Giants</t>
  </si>
  <si>
    <t>Clarabelle et Bella viennent prendre le thé chez Mickey.</t>
  </si>
  <si>
    <t>FR30665-HDTX</t>
  </si>
  <si>
    <t>GIGANTOSAURUS</t>
  </si>
  <si>
    <t>Le plus grand des héros / Un éclair de génie</t>
  </si>
  <si>
    <t>Réalisateur: Olivier LelardouxRéalisateur: Olivier Lelardoux</t>
  </si>
  <si>
    <t>Rocky est jaloux : Tiny a sauvé leur repaire d’un gros rocher roulant, et maintenant c’est l’héroïne de la jungle ! Il n’arrive pas à trouver quelqu’un dont être le héros, quelqu’un qui lui confierait une noble tâche ou juste une petite tâche à effectuer pour aider. / Le jour des grands vents, Mazu arrive toujours la dernière pour déguster les noix qui tombent des noyers géants. Par contre, elle en a dans le crâne, et elle travaille sur plusieurs systèmes pour aller plus vite : échasses, ressorts, coaching de ses amis. Mais rien n’y fait. Elle va encore être la dernière,</t>
  </si>
  <si>
    <t>FR65960-HDTX</t>
  </si>
  <si>
    <t>07:30:00</t>
  </si>
  <si>
    <t>T.O.T.S.</t>
  </si>
  <si>
    <t>Le livreur le plus rapide / Meilleurs amis pour la vie</t>
  </si>
  <si>
    <t>Pipou et Freddy expliquent à Ava qu'une livraison réussie n'est pas qu'une question de vitesse. Mia et son amie Chloé n'arrivent pas à se quitter. Les livreurs débutants leur montrent comment garder le contact !</t>
  </si>
  <si>
    <t>FR72099-HDTX</t>
  </si>
  <si>
    <t>08:00:00</t>
  </si>
  <si>
    <t>BLUEY</t>
  </si>
  <si>
    <t>Taxi</t>
  </si>
  <si>
    <t>Réalisateur: Richard Jeffery, Réalisateur: Joe BrummRéalisateur: Richard Jeffery, Réalisateur: Joe Brumm</t>
  </si>
  <si>
    <t>Il pleut et Bluey joue au taxi à l'intérieur. Son premier client (Papa) est un homme d'affaires pressé qui veut aller à l'aéroport sans tarder. Bingo lui promet d'y arriver sans retard mais prend en charge un second passager, une dame fortunée (Bingo) et sa fille Millicent (Floppy). Pendant que SATVAV (Maman) les balade de rond-point en rond-point Millicent vomit partout et le taxi tombe en panne. Papa décide de se rendre à pied à l'aéroport. Il arrive juste à temps pour embarquer et découvre que la dame du taxi est aussi passagère et que le pilote n'est autre que Bluey !</t>
  </si>
  <si>
    <t>Australie</t>
  </si>
  <si>
    <t>FR79396-HDTX</t>
  </si>
  <si>
    <t>08:10:00</t>
  </si>
  <si>
    <t>La Plage</t>
  </si>
  <si>
    <t>A la plage, Maman part se promener au bord de l'eau, et Bluey tente de la rattraper. En chemin, elle fait toute une série de rencontres qui la stimulent et la mettent à l'épreuve dans cette toute première aventure en solitaire.</t>
  </si>
  <si>
    <t>FR79397-HDTX</t>
  </si>
  <si>
    <t>Bluey S1 Ep 28</t>
  </si>
  <si>
    <t>Bingo et Bluey s'amusent beaucoup à jouer aux grands-mères jusqu'à ce que la question de savoir si ces dernières peuvent danser le Swing les oppose. Elles appellent Nana pour avoir la réponse.</t>
  </si>
  <si>
    <t>FR79399-HDTX</t>
  </si>
  <si>
    <t>08:30:00</t>
  </si>
  <si>
    <t>Bluey S1 Ep 31</t>
  </si>
  <si>
    <t>Réalisateur: Joe Brumm, Réalisateur: Richard JefferyRéalisateur: Richard Jeffery, Réalisateur: Joe Brumm</t>
  </si>
  <si>
    <t>Bluey et Bingo jouent au "travail" et se font embaucher dans la fabrique de tuyaux de leur père. Mais quand Bluey prend la direction, Papa trouve son nouveau patron très sévère en lui interdisant de danser.</t>
  </si>
  <si>
    <t>FR79403-HDTX</t>
  </si>
  <si>
    <t>08:40:00</t>
  </si>
  <si>
    <t>Le Trampoline</t>
  </si>
  <si>
    <t>Papa est un champion du trampoline mais quand il doit aller travailler, Bluey et Bingo veulent qu'il continue à jouer avec elles et refusent de le laisser partir. Elle l'obligent à se restaurer et inventent un jeu "petit-déjeuner". Il doit manger des toasts, des œufs et doit aussi avaler un horrible smoothie. Mais, les meilleures choses ont une fin et Papa, avant de partir, confie le soin à une Bluey au bord des larmes d'inventer ses propres jeux.</t>
  </si>
  <si>
    <t>FR79405-HDTX</t>
  </si>
  <si>
    <t>Bluey S1 Ep 35</t>
  </si>
  <si>
    <t>Le jardin zoologique de Bluey est le foyer d'animaux merveilleux dont le grand Papa Gorille bleu. Mais le singe s'empare de Bingo qui s'était aventurée dans son enclos et Bluey doit capturer cet animal sauvage.</t>
  </si>
  <si>
    <t>FR79407-HDTX</t>
  </si>
  <si>
    <t>LES AVENTURES DE MICKEY ET SES AMIS</t>
  </si>
  <si>
    <t>Des apprentis mécanos passionnés / Des invités très spéciaux à l'Hôtel du Roupillon !</t>
  </si>
  <si>
    <t>61</t>
  </si>
  <si>
    <t>Pour la journée des Mini-Mécanos, le plus grand fan de Mickey est impatient d'entrer dans l'atelier ! / Les Bénévoles sont très occupées à prendre soin des animaux de compagnie en l'absence de leurs maîtres.</t>
  </si>
  <si>
    <t>FR83767-HDTX</t>
  </si>
  <si>
    <t>09:30:00</t>
  </si>
  <si>
    <t>Où est Mickey ? / Des Coucous à Hotdogville !</t>
  </si>
  <si>
    <t>62</t>
  </si>
  <si>
    <t>La journée de Mickey commence mal est il doit s'en accommoder. Les cousins Parisiens de Coucou-Loulou lui rendent visite.</t>
  </si>
  <si>
    <t>FR82280-HDTX</t>
  </si>
  <si>
    <t>10:00:00</t>
  </si>
  <si>
    <t>MIRA DÉTECTIVE ROYALE</t>
  </si>
  <si>
    <t>Mira Détective Royale S1 Ep 8</t>
  </si>
  <si>
    <t>Mira, toute nouvelle détective royale de Jalpur, royaume imaginaire de l'Inde, aide autant le peuple que les membres de la famille royale à travers ses aventures ! Avec l'aide de son ami, le Prince Neel, sa cousine Priya et ses inséparables mangoustes, Mikku et Chikku, Mira mène l'enquête avec une sagacité unique !</t>
  </si>
  <si>
    <t>FR84165-HDTX</t>
  </si>
  <si>
    <t>10:30:00</t>
  </si>
  <si>
    <t>Mickey Mouse Mixed-Up Adventures</t>
  </si>
  <si>
    <t>Pluto trouve trois oisillons tombés du nid et devient leur protecteur. C'est la Saint-Valentin et les Bénévoles installent leur boutique d'accessoires de fête.</t>
  </si>
  <si>
    <t>FR82285-HDTX</t>
  </si>
  <si>
    <t>11:00:00</t>
  </si>
  <si>
    <t>Capitaine Mickey et les pirates (Partie 1)</t>
  </si>
  <si>
    <t>127</t>
  </si>
  <si>
    <t>Réalisateur: Phil WeinsteinRéalisateur: Phil Weinstein</t>
  </si>
  <si>
    <t>Mickey et ses amis aident le grand-père de Dingo, le capitaine Barbe-Dingo, à retrouver son trésor.</t>
  </si>
  <si>
    <t>FR31264-HDTX</t>
  </si>
  <si>
    <t>11:30:00</t>
  </si>
  <si>
    <t>Capitaine Mickey et les pirates (Partie 2)</t>
  </si>
  <si>
    <t>128</t>
  </si>
  <si>
    <t>FR31265-HDTX</t>
  </si>
  <si>
    <t>12:00:00</t>
  </si>
  <si>
    <t>Cache-cache</t>
  </si>
  <si>
    <t>Toute la famille joue à cache-cache. C'est à Bluey de chercher, elle compte jusqu'à vingt mais pourra-t'elle rester concentrée sur le jeu et ne pas se laisser distraire par tous ses jouets ?</t>
  </si>
  <si>
    <t>FR79415-HDTX</t>
  </si>
  <si>
    <t>Bluey S1 Ep 47</t>
  </si>
  <si>
    <t>Bluey sollicite les conseils de sa maman concernant une voisine indélicate. La sérénité de sa maison imaginaire faite de coussins est menacée par l'étable d'animaux de Bingo qui s'étend à vue d'œil.</t>
  </si>
  <si>
    <t>FR79420-HDTX</t>
  </si>
  <si>
    <t>Bluey S1 Ep 49</t>
  </si>
  <si>
    <t>Bluey demande à quoi servent les bonnes manières. Papa lui explique que c'est ce qui nous différencie des animaux sauvages. Maman donne alors à Bluey une asperge magique qui peut changer les gens en animal de son choix. Ravie de s'affranchir des règles,Bluey transforme sa famille en poulets, souris et suricates mais Maman-lionne veut dévorer le voisin, Papa-morse écrase ses jouets et Bingo-perroquet mange l'asperge, les figeant dans leur aspect bestial ! Finalement, Bluey fait dire "chien" à Bingo et leurs rend forme canine. La sauvagerie n'est peut-être pas si drôle !</t>
  </si>
  <si>
    <t>FR79422-HDTX</t>
  </si>
  <si>
    <t>Bluey S1 Ep 50</t>
  </si>
  <si>
    <t>Le désir de Bluey et Bingo d'avoir un animal domestique est mis à rude épreuve quand Papa fait apparaître Shaun, un émeu caractériel qui met la maison sens dessus-dessous et refuse d'obéir. Maman conseille à Bluey de rester "calme et maîtresse d'elle" et quand Shaun s'enfuit, Bluey, s'inspirant du conseil, parvient à l'arrêter avec calme et autorité. Une fois que Bluey contrôle Shaun, Papa est pris à son propre jeu et doit obéir à sa fille au doigt et à l'œil ! Le lendemain matin, il est épuisé mais heureux que Shaun soit parti jusqu'à ce que les fillettes lui présentent quatre bébés émeus</t>
  </si>
  <si>
    <t>FR79424-HDTX</t>
  </si>
  <si>
    <t>Le Docteur / La Griffe / Le Marché</t>
  </si>
  <si>
    <t>La visite de Honey chez le Dr Bingo est sans arrêt interrompu. Maman et papa créent leur propre machine à griffe magique ! Bluey emmène avec elle l'argent que la petite souris lui a donné.</t>
  </si>
  <si>
    <t>FR79427-HDTX</t>
  </si>
  <si>
    <t>12:50:00</t>
  </si>
  <si>
    <t>Bluey S1 Ep 7</t>
  </si>
  <si>
    <t>On déjeune sur la terrasse mais pas de barbecue sans salade ! Bingo ne se reposera pas avant d'avoir trouvé les poivrons de toutes les couleurs que lui réclament ses cousines pour la meilleure des salades. Elle va cueillir des plantes vertes, elle prend des pétales de fleurs jaunes et va chercher des fleurs de flamboyant. Mais elle ne peut toujours pas se reposer car elle doit faire une sauce pour la salade ! Après s'être débattue avec le tuyau d'arrosage, Bingo est pleine de boue et quand elle fini, elle a compris que la bonne cuisine nécessite beaucoup de travail.</t>
  </si>
  <si>
    <t>FR79428-HDTX</t>
  </si>
  <si>
    <t>Bluey S1 Ep 9</t>
  </si>
  <si>
    <t>Maman et tante Trixie sont sorties laissant Bluey, Bingo et leurs cousines avec Papa et oncle Stripe. Ceux-ci voulaient regarder du criquet mais se font engagés comme chevaux de course. Bluey a oublié de ranger Poly Ponette, sa peluche préférée. Socks la prend et ne veut plus la lâcher. Afin de distraire Socks et récupérer la peluche intacte, les enfants organisent un mariage de chevaux avec Papa en Galopin et oncle Stripe en Etincelle. Mais Etincelle ne veut pas se marier et s'échappe. Socks abandonne alors la peluche pour coincer Etincelle et Bluey récupère sa précieuse Polly Ponette.</t>
  </si>
  <si>
    <t>FR79430-HDTX</t>
  </si>
  <si>
    <t>Bluey S1 Ep 10</t>
  </si>
  <si>
    <t>Papa se trouve embarqué dans le "Jeu de L'hôtel", dans lequel Bluey et Bingo dirigent un hôtel très farfelu dont Papa est le malheureux client. Mais comme Bluey commence à tout décider dans le jeu, Bingo cesse de jouer, mettant sa sœur dans l'obligation d'apprendre à faire des compromis pour que le jeu puisse se poursuivre.</t>
  </si>
  <si>
    <t>FR79380-HDTX</t>
  </si>
  <si>
    <t>13:20:00</t>
  </si>
  <si>
    <t>Bluey S1 Ep 11</t>
  </si>
  <si>
    <t>Au parc, Bluey se bat avec sa bicyclette sans y arriver. Mais en observant avec Papa la détermination que mettent ses amis à accomplir leur tâches, Bluey décide de persévérer.</t>
  </si>
  <si>
    <t>FR79381-HDTX</t>
  </si>
  <si>
    <t>Bluey S1 Ep 12</t>
  </si>
  <si>
    <t>Lorsque c'est au tour de Bingo d'emmener Bob, le bilby, la marionnette de la maternelle à la maison et de raconter son week-end dans le scrapbook, la famille décide de laisser de côté ses écrans pour lui faire passer un bon moment.</t>
  </si>
  <si>
    <t>FR79382-HDTX</t>
  </si>
  <si>
    <t>13:40:00</t>
  </si>
  <si>
    <t>Bluey S1 Ep 8</t>
  </si>
  <si>
    <t>N'étant pas autorisée à se coucher tard, Bluey rêve qu'elle est une chauve-souris afin de pouvoir rester éveillée toute la nuit. Elle se retrouve bientôt à voler dans la nuit étoilée.</t>
  </si>
  <si>
    <t>FR79429-HDTX</t>
  </si>
  <si>
    <t>13:50:00</t>
  </si>
  <si>
    <t>Les Pirates / La Disparition / Les Voisins</t>
  </si>
  <si>
    <t>Bluey et Bingo jouent aux pirates sur le hamac. Le jouet préféré de Bingo disparaît. Bluey ne sait pas comment gérer ses voisins bruyants.</t>
  </si>
  <si>
    <t>FR79386-HDTX</t>
  </si>
  <si>
    <t>Le Week-end / Le Barbecue / La Chauve-souris Frugivore</t>
  </si>
  <si>
    <t>Bingo s'énerve lorsque son père ne remarque pas la sauterelle qui marche dans le jardin. Bingo prépare la meilleure salade au monde. Bluey rêve d'être une chauve-souris frugivore nocturne.</t>
  </si>
  <si>
    <t>FR79390-HDTX</t>
  </si>
  <si>
    <t>Le Xylophone Magique</t>
  </si>
  <si>
    <t>Bluey et Bingo retrouvent un xylophone magique qui a le pouvoir de pétrifier les gens. Elles s'en servent aux dépens de Papa, le figeant dans des positions drôles mais peu flatteuses. Bluey, grisée par ce pouvoir, ne veut pas prêter le xylophone à Bingo malgré les injonctions de Maman. Papa, profitant du conflit entre ses filles, réussit à s'emparer du xylophone et paralyse Bluey dont le seul espoir de libération dépend de Bingo. Les fillettes finissent par s'entendre et collaborent pour récupérer le xylophone magique au grand dam de Papa qui se retrouve à leur merci.</t>
  </si>
  <si>
    <t>FR79379-HDTX</t>
  </si>
  <si>
    <t>14:20:00</t>
  </si>
  <si>
    <t>Bluey S1 Ep 18</t>
  </si>
  <si>
    <t>Honey n'en finit plus d'attendre son tour chez le Docteur Bingo car d'autres patients présentant des symptômes plus intéressants passent avant elle. Bluey, la réceptionniste, l'invite à patienter, car les autres malades sont vraiment des cas !</t>
  </si>
  <si>
    <t>FR79388-HDTX</t>
  </si>
  <si>
    <t>La Pince</t>
  </si>
  <si>
    <t>Bluey et Bingo n'ayant pu attraper des lots de la machine à Pince Magique, Papa et Maman créent leur propre version à la maison. Mais avec Papa, il n'est pas facile de gagner !</t>
  </si>
  <si>
    <t>FR79389-HDTX</t>
  </si>
  <si>
    <t>14:40:00</t>
  </si>
  <si>
    <t>À cheval / L'Hôtel / Le Vélo</t>
  </si>
  <si>
    <t>Les enfants organisent un mariage à cheval ! Bluey, Bingo et leur papa jouent au jeu "Hôtel." Bluey ne parvient pas à rouler en vélo mais n'abandonne pas.</t>
  </si>
  <si>
    <t>FR79401-HDTX</t>
  </si>
  <si>
    <t>La Piscine</t>
  </si>
  <si>
    <t>En préparant leurs affaires pour aller à la psicine, Bluey et Papa se moquent de Maman car ils la trouvent excessive dans son organisation. Mais en arrivant à la piscine, ils réalisent qu'elle avait raison, puisqu'ils ont oublié beaucoup d'objets importants.</t>
  </si>
  <si>
    <t>FR83647-HDTX</t>
  </si>
  <si>
    <t>VAMPIRINA</t>
  </si>
  <si>
    <t>Apprentie créaturopathe/Leçons d’épouvante</t>
  </si>
  <si>
    <t>Vampirina aide un créaturopathe à prendre soin d'un œuf mystérieux. Un monstre à câlins loge dans l'Auberge à Cauchemars et en profite pour apprendre des techniques d'épouvante.</t>
  </si>
  <si>
    <t>FR34595-HDTX</t>
  </si>
  <si>
    <t>Boris l'acrobate / Le stand de citronnade</t>
  </si>
  <si>
    <t>Réalisateur: Marten Jönmark, Réalisateur: Ehud Landsberg</t>
  </si>
  <si>
    <t>Boris reçoit une invitation pour retrouver d'anciens amis vampires avec qui il faisait de la haute-voltige. / Avec l'aide du Chef Giovanni, Vampirina et Poppy montent un stand de citronnade.</t>
  </si>
  <si>
    <t>FR34596-HDTX</t>
  </si>
  <si>
    <t>16:00:00</t>
  </si>
  <si>
    <t>La chasse au dernier œuf Pâques / Le rongeur inarrêtable</t>
  </si>
  <si>
    <t>Pipou et Freddy sont censés livrer un œuf mais il s'est mélangé aux œuf de pâques pendant la chasse aux œufs annuelle ! Bernice, le bébé castor est entrain de détruire les locaux de T.O.T.S. à force de tout ronger.</t>
  </si>
  <si>
    <t>FR72098-HDTX</t>
  </si>
  <si>
    <t>16:30:00</t>
  </si>
  <si>
    <t>Hot-dog! Mélangez-vous avec Mickey et tous ses amis dans sa nouvelle maison à Hot Dog Hills. Mickey, Donald, Dingo, Minnie, Daisy, Pluton et Chip 'n Dale ont de nouvelles surprises en magasin!</t>
  </si>
  <si>
    <t>FR86125-HDTX</t>
  </si>
  <si>
    <t>17:00:00</t>
  </si>
  <si>
    <t>Mira Détective Royale S1 Ep 5</t>
  </si>
  <si>
    <t>FR79293-HDTX</t>
  </si>
  <si>
    <t>17:30:00</t>
  </si>
  <si>
    <t>Une super aventure (Partie1)</t>
  </si>
  <si>
    <t>125</t>
  </si>
  <si>
    <t>Réalisateur: Donovan Cooks, Réalisateur: Phil WeinsteinRéalisateur: Phil Weinstein</t>
  </si>
  <si>
    <t>Tous les amis de Mickey jouent aux super héros pour combattre l'Epatant Super Pat et Mégamax, alias Mortimer, leur nouveau voisin.</t>
  </si>
  <si>
    <t>FR31262-HDTX</t>
  </si>
  <si>
    <t>18:00:00</t>
  </si>
  <si>
    <t>Une super aventure (Partie 2)</t>
  </si>
  <si>
    <t>126</t>
  </si>
  <si>
    <t>Tous les amis de Mickey jouent aux super héros pour combattre l'Épatant Super Pat et Mégamax, alias Mortimer, leur nouveau voisin.</t>
  </si>
  <si>
    <t>FR31263-HDTX</t>
  </si>
  <si>
    <t>18:30:00</t>
  </si>
  <si>
    <t>LA GARDE DU ROI LION</t>
  </si>
  <si>
    <t>Souvenirs de voyage</t>
  </si>
  <si>
    <t>65</t>
  </si>
  <si>
    <t>Makini croit pouvoir se fier aux souvenirs qu'elle a de son premier voyage vers l'Arbre de Vie. Mais la Garde du Roi Lion finit par se perdre dans le désert. Ils vont devoir apprendre à s'orienter grâce aux étoiles.</t>
  </si>
  <si>
    <t>FR63866-HDTX</t>
  </si>
  <si>
    <t>PRINCESSE SOFIA</t>
  </si>
  <si>
    <t>De l'autre côté du miroir</t>
  </si>
  <si>
    <t>99</t>
  </si>
  <si>
    <t>La sœur de Cédric emménage au château mais ne s'entend pas du tout avec son frère. Sofia essaye de découvrir ce qui est à l'origine de cette guerre.</t>
  </si>
  <si>
    <t>FR65690-HDTX</t>
  </si>
  <si>
    <t>19:30:00</t>
  </si>
  <si>
    <t>Le Puits aux Voux</t>
  </si>
  <si>
    <t>Réalisateur: Jamie Mitchell, Réalisateur: Mircea Mantta</t>
  </si>
  <si>
    <t>Lorsque Ambre découvre un puits aux voeux, elle apprend à ses dépens qu’il faut être prudent avec ses souhaits, car ils pourraient bien se réaliser.</t>
  </si>
  <si>
    <t>FR30619-HDTX</t>
  </si>
  <si>
    <t>20:30:00</t>
  </si>
  <si>
    <t>Coco Bill / Frères et Soeurs</t>
  </si>
  <si>
    <t>Bill surprend Rugo à chiper toutes les noix de coco du coin. Elle n’en laisse à personne ! Bill se met donc en quête du plus de noix de coco possible pour se faire une réserve géante, avant que Rugo n’ait tout pris. Ses amis s’étonnent, mais Bill n'écoute pas... / Tiny entend un drôle de bruit, très joli… Et surprend Totor, qui souffle dans un roseau ! Le jeune raptor n’a même pas conscience de faire de la musique. Mais Cror n’est pas contente : les raptors rugissent, ils ne font pas de la musique !</t>
  </si>
  <si>
    <t>FR65953-HDTX</t>
  </si>
  <si>
    <t>La pierre flottante / Une lumière au bout de l'orage</t>
  </si>
  <si>
    <t>Mazu et Rocky s’affrontent sur un terrain : la réflexion vs l’action. Quand Termy retient prisonniers leurs amis, réclamant en échange de recevoir la mystérieuse « pierre flottante », ils n’ont pas le choix. Ils vont devoir s’associer pour les sauver ! / Bill n’est pas un leader-né. Il préfère volontiers laisser ce rôle à ses amis. Mais quand il se retrouve dans la brume, séparé d’eux, et seul avec Marsh, il n’a pas le choix. Il doit prendre des décisions pour les sortir de cette situation. Petit à petit, Bill prend sous son aile d’autres dinos perdus dans la brume...</t>
  </si>
  <si>
    <t>FR65954-HDTX</t>
  </si>
  <si>
    <t>22:30:00</t>
  </si>
  <si>
    <t>Le jour le plus court / Mazu est toujours prête</t>
  </si>
  <si>
    <t>C’est le jour le plus court. Rocky, Mazu, et Bill font la tête : c’est nul ! Moins de lumière, moins de fun, moins de jeux ! Alors Tiny prend sur elle et leur montre que c'est un jour merveilleux. Et elle invite tout Crétacia (même Giganto, oui oui !) à une grande fête au Glacier. / Pendant que Mazu essaye par tous les moyens de se préparer à voir sa comète, tout le monde dans Crétacia semble avoir besoin de son aide… Même Giganto ! Est-ce qu’elle arrivera à temps pour observer la comète ? C’est maintenant à son tour d’avoir besoin d’aide !</t>
  </si>
  <si>
    <t>FR65955-HDTX</t>
  </si>
  <si>
    <t>Au revoir, Giganto ! Partie 1 / Au revoir, Giganto ! Partie 2</t>
  </si>
  <si>
    <t>Une énorme météorite bouche le cratère du Mont de l’Oubli. Le volcan risque de connaître la pire de ses éruptions ! Tous les dinosaures doivent migrer vers une terre plus sûre. Mazu, Tiny, Rocky et Bill doivent n’emporter avec eux que leur objet favori, et voyager léger. Mais ils ne vont pas se rendre sans combattre ! / Le temps a passé, et Giganto n’est pas revenu. Termy est devenue la reine de Crétacia, et impose ses cours de zumba à tout le monde. Les raptors font ce qu’ils veulent, et Rugo est triste sans son grand copain. Mais nos héros se sont organisés...</t>
  </si>
  <si>
    <t>FR65956-HDTX</t>
  </si>
  <si>
    <t>23:30:00</t>
  </si>
  <si>
    <t>Pyja-Robot et la Pyja-comète / Bibou et Sorceline contre Roméo</t>
  </si>
  <si>
    <t>Réalisateur: Christian De VitaRéalisateur: Christian De Vita</t>
  </si>
  <si>
    <t>PJ Robot persuade les Pyjamasques de se diriger vers une comète - il pense que cela chargera leur Totem transformé en Astrototem d'un nouveau pouvoir. Mais c'est un piège, et s'en échapper réclame encore plus de pouvoirs aux Pyjamasques. /Sorceline taquine Roméo avec ses nouveaux Papinuits surchargés d'énergie de pleine lune. Les Pyjamasques doivent l'arrêter... mais Bibou ne peut s'empêcher de profiter secrètement de ce qui arrive à Roméo....</t>
  </si>
  <si>
    <t>FR68520-HDTX</t>
  </si>
  <si>
    <t>LES NUITS DE Disney Junior France</t>
  </si>
  <si>
    <t>Dingo se multiplie</t>
  </si>
  <si>
    <t>Réalisateur: Vic Cook, Réalisateur: Donovan Cook, Réalisateur: Sherie Pollack, Réalisateur: Rob LaDuca, Interprète: They Might Be GiantsRéalisateur: Donovan Cook, Réalisateur: Vic Cook, Réalisateur: Rob LaDuca, Réalisateur: Sherie Pollack, Interprète: They Might Be Giants</t>
  </si>
  <si>
    <t>Le professeur Von Drake met au point une substance étrange qui démultiplie les objets. Dingo se la renverse dessus par mégarde et six Dingo tous aussi maladroits que lui apparaissent.</t>
  </si>
  <si>
    <t>FR30666-HDTX</t>
  </si>
  <si>
    <t>Donald commandant de l'espace</t>
  </si>
  <si>
    <t>Réalisateur: Rob LaDuca, Réalisateur: Vic Cook, Réalisateur: Donovan Cook, Réalisateur: Sherie Pollack, Interprète: They Might Be GiantsRéalisateur: Donovan Cook, Réalisateur: Vic Cook, Réalisateur: Rob LaDuca, Réalisateur: Sherie Pollack, Interprète: They Might Be Giants</t>
  </si>
  <si>
    <t>Minnie a envoyé le ballon de Pluto sur la lune.</t>
  </si>
  <si>
    <t>FR30667-HDTX</t>
  </si>
  <si>
    <t>Interdiction de cueillir les fleurs / Sans blague !</t>
  </si>
  <si>
    <t>Bill goûte à une fleur du marais : c’est siiiiiiii bon ! Mazu le met en garde : il ne faut pas en manger plus, car sinon cela dérangerait l’écosystème. Mais Bill n’écoute pas. Il y a plein de fleurs !! En prendre un peu plus (et un peu plus, et un peu plus) ne devrait pas être un problème… si ? / Tiny se sent un peu négligée par ses amis qui n’écoutent plus ses blagues. Dilo par contre, est toujours prêt à rire de tout. Avec lui, Tiny décide de se rendre au sommet du Mont de l’Oubli pour y raconter la meilleure blague du monde à tout Crétacia !</t>
  </si>
  <si>
    <t>FR65961-HDTX</t>
  </si>
  <si>
    <t>Bluey S1 Ep 36</t>
  </si>
  <si>
    <t>Maman et Papa partent à l'aventure avec pour sacs à dos leurs coquines de filles! Entre les visites et l'achat de nourriture dans la rue, l'aventure est une franche réussite, jusqu'à ce qu'ils perdent leurs passeports !</t>
  </si>
  <si>
    <t>FR79408-HDTX</t>
  </si>
  <si>
    <t>Bluey S1 Ep 39</t>
  </si>
  <si>
    <t>Muffin passe la soirée chez Bluey et Bingo, ravies de pouvoir se coucher plus tard. Mais Muffin, qui n'a pas fait la sieste, est épuisée et les deux sœurs jouent pour la tenir éveillée.</t>
  </si>
  <si>
    <t>FR79411-HDTX</t>
  </si>
  <si>
    <t>La course amusante de Thanksgiving ! / Les joyeux bénévoles de Thanksgiving !</t>
  </si>
  <si>
    <t>Les bolides de Mickey et ses amis se transforment pour la course de Thanksgiving ! Minnie, Daisy et Coucou-Loulou invitent tous leurs amis pour Thanksgiving !</t>
  </si>
  <si>
    <t>FR82274-HDTX</t>
  </si>
  <si>
    <t>Un mariage à l'indienne ! / Les Bénévoles à Bollywood !</t>
  </si>
  <si>
    <t>63</t>
  </si>
  <si>
    <t>Tous nos amis sont à New Delhi pour un mariage et Mickey et Minnie se voient confier deux objets importants pour la cérémonie. Les Bénévoles aident un ami qui possède une société de tuk-tuks.</t>
  </si>
  <si>
    <t>FR82281-HDTX</t>
  </si>
  <si>
    <t>Mira Détective Royale S1 Ep 3</t>
  </si>
  <si>
    <t>FR79291-HDTX</t>
  </si>
  <si>
    <t>FANCY NANCY CLANCY</t>
  </si>
  <si>
    <t>La danse de l'amitié/ Les nouvelles chaussures</t>
  </si>
  <si>
    <t>Réalisateur: Krista TuckerRéalisateur: Krista Tucker</t>
  </si>
  <si>
    <t>Nancy apprend à faire des compromis lorsqu'elle crée un pas-de-deux avec Bree pour leur cours de danse. Nancy trouve les chaussures de ses rêves mais sa famille ne veut pas les acheter.</t>
  </si>
  <si>
    <t>FR62011-HDTX</t>
  </si>
  <si>
    <t>Camping distingué! / La Coiffeuse de Grand-mère</t>
  </si>
  <si>
    <t>Nancy essaie de faire avec l'orage qui menace le camping de la famille. Quand elle demande la coiffeuse de Grand-mère, Nancy apprend qu'elle est pleine de souvenirs pour Grand-père.</t>
  </si>
  <si>
    <t>FR61988-HDTX</t>
  </si>
  <si>
    <t>Adieu, Madame Meuh/ Nancy Clancy, productrice de génie !</t>
  </si>
  <si>
    <t>Nancy essaie d'empêcher qu'on vende un de ses anciens jouets sans révéler qu'elle tient à ce "jouet de bébé". Nancy produit le premier spectacle comique de Lionel, mais il a trop le trac pour monter sur scène !</t>
  </si>
  <si>
    <t>FR61989-HDTX</t>
  </si>
  <si>
    <t>Le Café parfait / Mademoiselle Maman</t>
  </si>
  <si>
    <t>Tout allait bien pour le nouveau restaurant de Nancy et Bree jusqu'à ce que Grace veuille en écrire une critique ! Nancy remplace sa maman enrhumée pour une journée.</t>
  </si>
  <si>
    <t>FR61990-HDTX</t>
  </si>
  <si>
    <t>Le Test de maturité / Deux reines pour le prix d'une</t>
  </si>
  <si>
    <t>Quand la patronne de papa est invitée à dîner à la maison, Nancy veut prouver qu'elle est assez grande pour rester avec les adultes. Nancy est contrariée quand sa serveuse préférée accorde beaucoup d''attention à Jojo.</t>
  </si>
  <si>
    <t>FR61991-HDTX</t>
  </si>
  <si>
    <t>La grève des câlins / De vraies petites sirènes</t>
  </si>
  <si>
    <t>Quand l'accès à Beau-Chêne est interdit, Nancy lance la grève des câlins. Nancy se décide à affronter sa peur de mettre la tête sous l'eau.</t>
  </si>
  <si>
    <t>FR61992-HDTX</t>
  </si>
  <si>
    <t>Bienvenue à la maison</t>
  </si>
  <si>
    <t>Boris et Oxana ont inscrit les Monstrueuses (le groupe de musique formé par Vampirina, Poppy et Bridget) à participer à un télé-crochet très connu en Transylvanie. Vampirina est ravie de faire découvrir à ses amies l'endroit d'où elle vient. Malheureusement, les choses sont légèrement différentes de ce dont elle se souvient, et le retour à la maison ne s'avère pas aussi tranquille que prévu.</t>
  </si>
  <si>
    <t>FR34597-HDTX</t>
  </si>
  <si>
    <t>La chauve-sougrippe / La magie des mots</t>
  </si>
  <si>
    <t>Vampirina et le reste de la famille Hantley attrapent la chauve-sougrippe. Demi et Gregoria vont devoir travailler en équipe pour les guérir. / Vampirina entraîne Bridget à lire des poésies pour qu'elle ait moins peur de réciter son poème à voix haute devant la classe pour la Journée de la Poésie.</t>
  </si>
  <si>
    <t>FR34598-HDTX</t>
  </si>
  <si>
    <t>FR87797-HDTX</t>
  </si>
  <si>
    <t>Mira Détective Royale S1 Ep 2</t>
  </si>
  <si>
    <t>FR79284-HDTX</t>
  </si>
  <si>
    <t>La course à la tuliza</t>
  </si>
  <si>
    <t>Fuli se perd sur le territoire d'un guépard mâle qui refuse de lui indiquer le chemin tant qu'elle ne fait pas la course avec lui. Un groupe de flamants roses bruyants met la patience de Kion à rude épreuve.</t>
  </si>
  <si>
    <t>FR63867-HDTX</t>
  </si>
  <si>
    <t>Princesse Jade</t>
  </si>
  <si>
    <t>100</t>
  </si>
  <si>
    <t>Le jour de l'échange interclasse, Jade se retrouve à l'Académie Royale tandis qu'Ambre prend sa place à l'école de Dunwiddie.</t>
  </si>
  <si>
    <t>FR31557-HDTX</t>
  </si>
  <si>
    <t>Le Roi James</t>
  </si>
  <si>
    <t>Sur l’initiative de son père, James devient le roi d’Enchancia durant une journée. Il va vite connaître les désagréments de la fonction de roi.</t>
  </si>
  <si>
    <t>FR30620-HDTX</t>
  </si>
  <si>
    <t>Bibou et la mauvaise graine / Gluglu l'escargot</t>
  </si>
  <si>
    <t>Réalisateur: Merle-Anne RidleyRéalisateur: Merle-Anne Ridley</t>
  </si>
  <si>
    <t>Sorceline se sert de son rayon lunaire pour créer une fleur de lune géante. Lorsque celle-ci viendra à éclore, elle dispersera des graines à travers toute la ville, recouvrant l'endroit de mauvaises herbes ! Refusant de reconnaître son ignorance en matière de botanique, Bibou joue involontairement le jeu de Sorceline, et la menace se rapproche... / Gluglu va devoir apprendre à ne pas se laisser distraire pour empêcher Roméo de conquérir la Terre à l'aide d'un rayon ralentisseur qui fait aller tout le monde à la vitesse d'un escargot !</t>
  </si>
  <si>
    <t>FR30375-HDTX</t>
  </si>
  <si>
    <t>Yoyo et le dôme lunaire / Gluglu et la pierre surpuissante</t>
  </si>
  <si>
    <t>Sorceline abat un dôme géant sur le QG des Pyjamasques, emprisonnant ces derniers dans leur repaire. Elle profite d'avoir le champ libre pour voler tous les objets de la fête de l'école, histoire d'être la seule à danser et à s'amuser ! / Ninjaka menace de détruire la ville avec une "pierre de toute puissance" : celui qui parvient à fendre en deux cet énorme rocher prouvera qu'il est le plus fort de tous ! Les Pyjamasques doivent contrer les plans de Ninjaka, mais malheureusement Gluglu est un peu trop occupé à essayer de broyer le rocher en premier pour prouver que c'est lui, le plus fort...</t>
  </si>
  <si>
    <t>FR30376-HDTX</t>
  </si>
  <si>
    <t>Maxi Gluglu / Bibou prend de la hauteur</t>
  </si>
  <si>
    <t>Gluglu se retrouve accidentellement agrandi en taille maxi tandis que Sorceline essaie de voler les chars du carnaval. Notre héros tente de stopper la méchante, mais fait maxi bourde sur maxi bourde ! Gluglu va devoir apprendre à réparer ses bêtises pour éviter que Sorceline ne devienne la reine du défilé. / Ninjaka vole des avions au salon aéronautique pour prouver qu'il est le plus grand pilote de tous les temps. Bibou échoue une première fois à arrêter le méchant, un échec qui lui fait perdre confiance... Notre héroïne va devoir croire à nouveau en elle pour sauver la mise aux Pyjamasques.</t>
  </si>
  <si>
    <t>FR30377-HDTX</t>
  </si>
  <si>
    <t>Mazu tente sa chance / L'oeuf perdu</t>
  </si>
  <si>
    <t>Afin de sauver une libellule des mains des raptors, Mazu doit leur apporter une écaille de Gigantosaurus. Elle trouve plein de stratagèmes ingénieux pour prendre une écaille sur le dos de la bête, mais toutes ses tentatives échouent, et causent plus de catastrophes qu’autre chose. / Rocky trouve un œuf perdu. Aucun intérêt pour lui, mais ses amis veulent retrouver ses parents. Bon, Rocky prend les choses en main ; plus vite cet œuf aura retrouvé sa famille, plus vite ils pourront retourner jouer. Mais attention, lui c’est un dur de dur, les petits œufs, c’est pas pour lui .</t>
  </si>
  <si>
    <t>FR65938-HDTX</t>
  </si>
  <si>
    <t>Il faut sauver Ayati / La crevasse</t>
  </si>
  <si>
    <t>Mazu demande à Ayati, la vieille brachiosaure, de se tenir en équilibre sur deux pattes et de courber sa tête et sa queue. Ça fait un grand huit, et les enfants s’éclatent dessus ! Mais Ayati se casse la figure et ne peut plus se relever... / C’est l’heure du bain dans les geysers, mais Bill a peur de tout. Il n’a qu’une envie : rentrer ! Quand un tremblement de pierre se déclenche, il ne se fait pas prier, et il embarque ses amis pour rentrer vite chez eux. Manque de pot, la terre s’est ouverte et une crevasse est apparue sur le chemin du retour .</t>
  </si>
  <si>
    <t>FR72444-HDTX</t>
  </si>
  <si>
    <t>L'île / Cave ou pas cave ?</t>
  </si>
  <si>
    <t>Bill a peur de plein de choses, mais pas de l’eau ; il sait très bien nager. Quand les enfants passent la nuit au bord du lac, et que son nénuphar glisse sur l’eau pour se retrouver au beau milieu, il ne panique pas. Rocky oui, par contre ! Eh oui, le dur de dur a la trouille de l’eau et ne sait pas nager. C’est donc au tour de Bill de rassurer et protéger son copain. / Ignatius raconte que dans la Grotte qui Hurle vit le « hurlosaure », un terrible dino gigantesque au rugissement épouvantable. La grotte n’est pas un endroit pour les petits dinos !</t>
  </si>
  <si>
    <t>FR65957-HDTX</t>
  </si>
  <si>
    <t>L'épreuve du Tricératops ! / Tremblement de pierres</t>
  </si>
  <si>
    <t>Troy annonce à Tiny, sa petite sœur, qu’elle va passer l’Epreuve du Tricératops : prouver qu’elle est capable de déraciner et lancer un arbre, de déstabiliser un autre tricératops avec ses cornes, et de marteler le sol si fort qu’elle en fait trembler la jungle. Tiny est pleine de bonne volonté, mais elle ne peut pas s’empêcher de tout faire à sa sauce. / Quand Rocky se blesse en tentant de battre un record, il refuse l’aide de ses amis. Quand un tremblement de pierre se déclenche, il se précipite vers sa source pour y mettre fin, au mépris de son pied endolori.</t>
  </si>
  <si>
    <t>FR65958-HDTX</t>
  </si>
  <si>
    <t>Gluglu et le ninja-lézard/Bibou et sa nouvelle meilleure amie</t>
  </si>
  <si>
    <t>Lionel mange de la lave collante malencontreusement ramenée de la Montagne Msytérieuse par Gluglu et acquiert des pouvoirs télékinétiques. Glulgu commence à l'entraîner pour en faire son "Super animal". Mais Ninjaka vole Lionel et l'utilise ingénieusement contre les Pyjamasques. /Alors que Sorceline est abandonnée par les Papinuits devant les Pyjamasques, Bibou accepte de devenir sa nouvelle meilleure amie et la laisse entrer dans le QG, sans écouter ses vrais amis Yoyo et Gluglu quand ils l'avertissent que cela pourrait être un piège.</t>
  </si>
  <si>
    <t>FR68522-HDTX</t>
  </si>
  <si>
    <t>Daisy Agent Secret</t>
  </si>
  <si>
    <t>L'agent Daisy se voit confier sa première mission d'agent secret.</t>
  </si>
  <si>
    <t>FR30668-HDTX</t>
  </si>
  <si>
    <t>La folle journée de Mickey</t>
  </si>
  <si>
    <t>Pluto a accidentellement enclenché la manette de folie.</t>
  </si>
  <si>
    <t>FR30669-HDTX</t>
  </si>
  <si>
    <t>07:10:00</t>
  </si>
  <si>
    <t>07:20:00</t>
  </si>
  <si>
    <t>Bluey S1 Ep 52</t>
  </si>
  <si>
    <t>Bluey est une petite chienne bouvier australien âgée de six ans et elle est inépuisable. Elle adore jouer et transforme la vie de famille en une aventure quotidienne en y mettant toute son imagination, son intelligence et sa ténacité physique et mentale.</t>
  </si>
  <si>
    <t>FR79426-HDTX</t>
  </si>
  <si>
    <t>07:40:00</t>
  </si>
  <si>
    <t>Bluey S1 Ep 27</t>
  </si>
  <si>
    <t>Bluey, Bingo et Missy jouent aux pirates dans le hamac, c’est l’aventure en haute mer. Mais il leur faudra du courage pour braver tempêtes et attaques de baleines.</t>
  </si>
  <si>
    <t>FR79398-HDTX</t>
  </si>
  <si>
    <t>07:50:00</t>
  </si>
  <si>
    <t>Bluey S1 Ep 40</t>
  </si>
  <si>
    <t>L'hôpital pour bébés d'Indy est confronté aux chevaliers et aux dragons de Rusty. Le groupe de Bluey se chamaille. Finalement en s'expliquant, ils trouvent tous des points communs à leurs jeux.</t>
  </si>
  <si>
    <t>FR79413-HDTX</t>
  </si>
  <si>
    <t>Bibou et l'Attaque Eclair / Yoyo et le Bulldo-Sauteur</t>
  </si>
  <si>
    <t>FR30354-HDTX</t>
  </si>
  <si>
    <t>Gluglu et le Contrario-Laser/Les Pyjamasques contre la bande des méchants</t>
  </si>
  <si>
    <t>FR43093-HDTX</t>
  </si>
  <si>
    <t>Mickey fait la course (Première Partie)</t>
  </si>
  <si>
    <t>Réalisateur: Rob LaDuca, Réalisateur: Sherie Pollack, Interprète: They Might Be GiantsRéalisateur: Rob LaDuca, Réalisateur: Sherie Pollack, Interprète: They Might Be Giants</t>
  </si>
  <si>
    <t>Aujourd'hui, Mickey et ses amis organisent un rallye routier. À l'aide de leurs véhicules, ils vont devoir passer par plusieurs endroits afin de trouver les points de repères Mickey. Que le rallye commence !</t>
  </si>
  <si>
    <t>FR31327-HDTX</t>
  </si>
  <si>
    <t>Mickey fait la course (Deuxième Partie)</t>
  </si>
  <si>
    <t>Réalisateur: Sherie Pollack, Réalisateur: Rob LaDuca, Interprète: They Might Be GiantsRéalisateur: Rob LaDuca, Réalisateur: Sherie Pollack, Interprète: They Might Be Giants</t>
  </si>
  <si>
    <t>Sortis indemnes du désert, Mickey et les autres doivent maintenant parvenir au sommet du Mont Enneigé. Encore en retard, Pat se décide à prendre de l'avance sur ses camarades.</t>
  </si>
  <si>
    <t>FR31328-HDTX</t>
  </si>
  <si>
    <t>Un chaton polisson/Une livraison de poids</t>
  </si>
  <si>
    <t>Lors de leur premier jour, Pipou et Freddy livrent un chaton qui les prend pour ses parents. Lorsqu'une baleine de près de deux tonnes et prête à être livrée, les livreurs s'affrontent dans une épreuve de vol afin de déterminer qui sera capable d'effectuer cette livraison.</t>
  </si>
  <si>
    <t>FR72084-HDTX</t>
  </si>
  <si>
    <t>Vol de nuit / Pingouin glissant</t>
  </si>
  <si>
    <t>Freddy doit surmonter sa peur du noir car Pipou et lui doivent effectuer leur première livraison de nuit. Pipou voudrait que la prochaine livraison soit rapide mais ils doivent livrer un bébé paresseux !</t>
  </si>
  <si>
    <t>FR72106-HDTX</t>
  </si>
  <si>
    <t>Comme chiens et chats / Un bébé rebondissant</t>
  </si>
  <si>
    <t>Pipou se retrouve coincé dans une caisse avec un bébé kangourou, peut-il l'empêcher de sauter ? Pipou et Freddy tentent d'apprendre à partager à un chien et un chat, pourtant frère et sœur.</t>
  </si>
  <si>
    <t>FR72088-HDTX</t>
  </si>
  <si>
    <t>La garderie des tout-petits /Une affaire de lapins</t>
  </si>
  <si>
    <t>KC est malade donc Pipou et Freddy essayent de gérer la garderie à sa place. Lors de la livraison, alors que tous les bébés se sont mélangés, les livreurs débutants trouvent la solution pour tous les identifier.</t>
  </si>
  <si>
    <t>FR72103-HDTX</t>
  </si>
  <si>
    <t>Yoyo et le canon rétrécisseur / Bibou et le ballon-lune</t>
  </si>
  <si>
    <t>FR30356-HDTX</t>
  </si>
  <si>
    <t>Yoyo et le bataillon des papillons / Bibou, la championne</t>
  </si>
  <si>
    <t>FR30358-HDTX</t>
  </si>
  <si>
    <t>Yoyo et les Scinti-Lunes/Bibou et le Ninja-football</t>
  </si>
  <si>
    <t>FR43069-HDTX</t>
  </si>
  <si>
    <t>Yoyo et la boule de flipper/Yoyo et le Rebondisseur</t>
  </si>
  <si>
    <t>FR43074-HDTX</t>
  </si>
  <si>
    <t>15:10:00</t>
  </si>
  <si>
    <t>15:25:00</t>
  </si>
  <si>
    <t>LES PETITES HISTOIRES DE MICKEY ET SES AMIS</t>
  </si>
  <si>
    <t>Mickey Mouse Hot Diggity-Dog Tales S1</t>
  </si>
  <si>
    <t>Super ! Mickey et Pluto célèbrent leur super amitié en s'amusant à Hot Dog Hills !</t>
  </si>
  <si>
    <t>FR83392-HDTX</t>
  </si>
  <si>
    <t>Bob Bilby / Le Jeux d'Espion / La Livraison</t>
  </si>
  <si>
    <t>C'est au tour de Bingo de s'occuper de Bob Bilby, l'animal de compagnie de Kindy. Bingo décide d'arrêter de jouer à un jeu et cela sème la zizanie. Quand on doit patienter, cinq minutes peuvent paraître une éternité.</t>
  </si>
  <si>
    <t>FR79412-HDTX</t>
  </si>
  <si>
    <t>15:50:00</t>
  </si>
  <si>
    <t>16:20:00</t>
  </si>
  <si>
    <t>Mickey demande à ses amis de transformer leurs voitures en véhicules de construction pour rénover l'aire de jeu où doit avoir lieu l'anniversaire de Bitsy. Pearl n'a rien à se mettre pour le bal des familles.</t>
  </si>
  <si>
    <t>FR82288-HDTX</t>
  </si>
  <si>
    <t>ROCKETEER</t>
  </si>
  <si>
    <t>Les filles Hauntley / Une maison pas si hantée</t>
  </si>
  <si>
    <t>Lors d’un atelier lecture chez Vampirina, on choisit un livre ensorcelé qui va semer le chaos. / Poppy et Vampirina élaborent un plan pour hanter la maison de Poppy et faire fuir de potentiels acheteurs.</t>
  </si>
  <si>
    <t>FR79699-HDTX</t>
  </si>
  <si>
    <t>Gluglu et la flûte de Sorceline / Yoyo et le Commandant Miaou</t>
  </si>
  <si>
    <t>Avec l'aide de Motsuki, les Papinuits infiltrent le QG. Gluglu ne veut pas admettre qu'il les a laissé entrer avant qu'il ne soit trop tard./Yoyo veut se prouver qu'il est un bon explorateur mais réalise qu'il doit faire passer son équipe et ses amis avant la découverte.</t>
  </si>
  <si>
    <t>FR84562-HDTX</t>
  </si>
  <si>
    <t>Les voleurs de tulizas</t>
  </si>
  <si>
    <t>La Garde du Roi Lion craint de ne pas pouvoir retrouver l'Arbre de Vie, car la sournoise Mama Binturong a volé le bâton Bakora de Makini.</t>
  </si>
  <si>
    <t>FR63868-HDTX</t>
  </si>
  <si>
    <t>L'assistant alchimiste</t>
  </si>
  <si>
    <t>102</t>
  </si>
  <si>
    <t>Sofia doit choisir un animal pour l'assister durant les cours d'alchimie. Elle organise un essai pour chacun des candidats.</t>
  </si>
  <si>
    <t>FR31559-HDTX</t>
  </si>
  <si>
    <t>DOCTEUR LA PELUCHE</t>
  </si>
  <si>
    <t>La fugue des délaissés / Tous à bicyclette</t>
  </si>
  <si>
    <t>Réalisateur: Chris Nee, Réalisateur: Dan Nosella, Réalisateur: Damien O'ConnorRéalisateur: Chris Nee</t>
  </si>
  <si>
    <t>La famille se prépare à l'arrivée du bébé et Donny a peur que ses parents l'oublient. Doc et son père participent à un rallye à vélo dans la ville et Doc reçoit un nouveau jouet en récompense, Stella !</t>
  </si>
  <si>
    <t>FR31126-HDTX</t>
  </si>
  <si>
    <t>À l'heure du coucher, Bingo a oublié où elle a laissé sa chère Floppy ! Revenant sur leurs pas, Bingo et Bluey revivent leur journée avec Maman, en espérant la retrouver.</t>
  </si>
  <si>
    <t>FR81482-HDTX</t>
  </si>
  <si>
    <t>20:10:00</t>
  </si>
  <si>
    <t>Bluey S1 Ep 15</t>
  </si>
  <si>
    <t>Le jeu des papillons est très amusant au jardin, mais Bluey part avec Judo, laissant Bingo toute seule. La pauvre Bingo est malheureuse et Bluey doit se racheter.</t>
  </si>
  <si>
    <t>FR79385-HDTX</t>
  </si>
  <si>
    <t>20:20:00</t>
  </si>
  <si>
    <t>Bluey S1 Ep 32</t>
  </si>
  <si>
    <t>Bluey et Papa envoient une vidéo maison à Bingo, malade à l'hôpital, pour lui remonter le moral. C’est l'histoire de la quête de Barnicus pour guérir Bumpy, son chien tacheté.</t>
  </si>
  <si>
    <t>FR80207-HDTX</t>
  </si>
  <si>
    <t>La course au Giganto / Le festin nocturne de Bill</t>
  </si>
  <si>
    <t>Rocky est le plus rapide. Sauf quand Mazu se retrouve roulée en boule à dévaler une pente ! Là elle le dépasse. Hm, ça lui donne une idée. Et elle invente quatre véhicules préhistoriques montés sur roues, pour elle et ses amis ! Que la course commence ! / Toutes les réserves de nourriture de Bill sont vides ! C’est arrivé pendant la nuit ! Quelqu’un a dû les lui voler… Et il court partout accusant n’importe qui à tort et à travers, y compris Giganto. Il décide avec ses amis (plutôt dubitatifs) de camper la nuit et d’observer Giganto : peut-être qu’il le prendra sur le fait !</t>
  </si>
  <si>
    <t>FR65945-HDTX</t>
  </si>
  <si>
    <t>L'arc-en-ciel de Minnie</t>
  </si>
  <si>
    <t>Réalisateur: Rob LaDuca, Réalisateur: Sherie Pollack, Réalisateur: Vic Cook, Réalisateur: Donovan Cook, Interprète: They Might Be GiantsRéalisateur: Donovan Cook, Réalisateur: Vic Cook, Réalisateur: Rob LaDuca, Réalisateur: Sherie Pollack, Interprète: They Might Be Giants</t>
  </si>
  <si>
    <t>Mickey et ses amis veulent découvrir l'endroit où se termine l'arc-en-ciel.</t>
  </si>
  <si>
    <t>FR30670-HDTX</t>
  </si>
  <si>
    <t>Pat et la fête hawaïenne</t>
  </si>
  <si>
    <t>Pat invite Mickey et ses amis à une grande fête hawaïenne sur la plage. Il fait très chaud et il n'y a pas de vagues pour faire du surf. Heureusement, les maxi-outils vont arranger les choses.</t>
  </si>
  <si>
    <t>FR30671-HDTX</t>
  </si>
  <si>
    <t>Bluey S1 Ep 41</t>
  </si>
  <si>
    <t>Jouant au papa et à la maman, Indy et Rusty s’opposent sur celui qui doit travailler, alors ils se séparent. Indy peine à trouver une baby-sitter, tandis que Bluey prend Rusty comme bébé !</t>
  </si>
  <si>
    <t>FR79414-HDTX</t>
  </si>
  <si>
    <t>Exprime-toi, Gluglu ! / Yoyo et l'épée de Maître Fang</t>
  </si>
  <si>
    <t>Lorsqu'il doit réciter un poème devant toute sa classe, Greg est très embarrassé et se trompe dans sa récitation. L'instituteur lui propose de retenter l'exercice le lendemain. Mais plus tard dans la journée, une boîte à voix aspire la voix de Greg. Ses compères et lui se lancent à la poursuite de Roméo, l'inventeur de cette terrible boîte à voix. / Sacha est fan de l'émission de Maître Fang, le maître du Kung Fu ! Mais l'épée de ce dernier a disparu ; il ne peut donc plus faire son émission. Sacha est très énervé… Qui a bien pu voler l'épée de Maître Fang ?</t>
  </si>
  <si>
    <t>FR30359-HDTX</t>
  </si>
  <si>
    <t>Yoyo et le rayon lunaire Partie 1 / Yoyo et le rayon lunaire Partie 2</t>
  </si>
  <si>
    <t>Sorceline récupère le cristal de lune confisqué par les Pyjamasques en S2 et l'emporte sur la Lune pour charger sa forteresse et grâce au Méga Aimant-Lune peupler son "royaume" de loyaux sujets et de jolies choses. Les Pyjamasques décident alors de la pousuivre avec Spatiototem. Mais Sorceline arrive la première et commence à attirer des éléments de la ville vers la Lune grâce au rayon du Méga Aimant Lune. Alors que Gluglu et Bibou s'envolent vers l'espace, Yoyo reste derrière pour protéger la ville. Mais Glulgu et Bibou sont capturés et Yoyo prend une décision audacieuse pour aider ses amis.</t>
  </si>
  <si>
    <t>FR68517-HDTX</t>
  </si>
  <si>
    <t>LA MAISON DE MICKEY : MICKEY DANS L’ESPACE</t>
  </si>
  <si>
    <t>Réalisateur: Rob Laduca/ Sherie Pollack</t>
  </si>
  <si>
    <t>Le Professeur Von Drake décide d'envoyer Mickey et ses amis dans l'espace à la découverte d'un trésor sur une planète mystérieuse. Mais Pat le Pirate a l'air bien décidé à suivre nos amis. Il part à leur recherche, accompagné de Courniquette.</t>
  </si>
  <si>
    <t>2010</t>
  </si>
  <si>
    <t>FR31523-HDTX</t>
  </si>
  <si>
    <t>Un adorable panda/ Une odeur problématique</t>
  </si>
  <si>
    <t>Pipou et Freddy doivent livrer un bébé panda tellement mignon qu'il est très difficile pour eux de lui dire "au revoir". La situation se complique pour nos livreurs débutants quand ils doivent livrer un bébé moufette qui ne sent pas très bon.</t>
  </si>
  <si>
    <t>FR72095-HDTX</t>
  </si>
  <si>
    <t>Les dangers du hoquet / La grande course avec le robot</t>
  </si>
  <si>
    <t>Le hoquet de Pipou menace la prochaine livraison, il demande donc l'impossible à Freddy : lui faire peur pour que cela cesse. Pipou et Freddy doivent prouver que de vrais livreurs valent mieux qu'un drone cigogne.</t>
  </si>
  <si>
    <t>FR72107-HDTX</t>
  </si>
  <si>
    <t>Petit lion, grand rugissement / Panique porc-épic</t>
  </si>
  <si>
    <t>Pipou et Freddy apprennent à un lion à adapter son rugissement selon s'il est à l'intérieur ou à l'extérieur. Lorsqu'un porc-épic a peur du tube de livraison, KC et les livreurs l'aident à surmonter sa peur.</t>
  </si>
  <si>
    <t>FR72090-HDTX</t>
  </si>
  <si>
    <t>Doudou perdu / Creuse toujours</t>
  </si>
  <si>
    <t>Mia perd son doudou, donc Pipou et Freddy partent à sa recherche dans une aventure mouvementée. Mais arriveront-ils à temps ? / Les livreurs voient leur mission compromise quand le chiot qu'ils doivent livrer se met à creuser et à enterrer un tas de choses.</t>
  </si>
  <si>
    <t>FR72085-HDTX</t>
  </si>
  <si>
    <t>Yoyo à la rescousse du gâteau d'anniversaire / Gluglu et le Ronflo-Saure</t>
  </si>
  <si>
    <t>Greg a hâte de fêter son anniversaire et veut montrer à ses amis la décoration de sa salle. Mais lorsqu'ils arrivent sur place, tout a été saccagé ! Heureusement, les traces de pas des Ninjazouaves les mènent sur la bonne piste : Ninjaka a volé le gâteau d'anniversaire lézard de Greg pour organiser sa propre fête. / Le spectacle de marionnettes de l'école est annulé : les marionnettes ont mystérieusement disparu... Les Papi-nuits mènent les Pyjamasques sur la trace de Sorceline. En partant en mission, ces derniers croisent Cameron, somnambule, dans la rue.</t>
  </si>
  <si>
    <t>FR30361-HDTX</t>
  </si>
  <si>
    <t>Gluglu n'a besoin de personne / Yoyo et le mini Ninjazouave</t>
  </si>
  <si>
    <t>Greg n'a pas envie d'être traité comme le plus petit qu'il faut toujours aider. Cette nuit, pour retrouver le bus scolaire qui a disparu, Gluglu veut affronter Ninjaka seul, et prouver qu'il n'a besoin de personne. / Nos trois héros font la rencontre d'un ninjazouave pas comme les autres : il est tout petit et semble vouloir jouer avec les Pyjamasques... Gluglu et Bibou sont attendris mais Yoyo se méfie car, pour lui, c'est forcément Ninjaka qui envoie ce mini ninjazouave !</t>
  </si>
  <si>
    <t>FR30362-HDTX</t>
  </si>
  <si>
    <t>Gluglu et le Lionelosaure/Yoyo et le voleur de doudous</t>
  </si>
  <si>
    <t>A cause d’une des inventions de Roméo, le lézard de Gluglu, Lionel, est transformé en gigantesque monstre qui détruit tout sur son passage. Yoyo et Bibou veulent que Gluglu traite Lionel comme un monstre mais il sait bien qu’il est toujours son compagnon, peu importe sa taille./Au cours d’une mission pour empêcher Roméo de transformer toutes les peluches en mini-lui,Yoyo avoue à Bibou et Gluglu qu’il a lui aussi un doudou.</t>
  </si>
  <si>
    <t>FR43070-HDTX</t>
  </si>
  <si>
    <t>Le Pyja-Robot / Les Pyjamasques et le Super Cristal</t>
  </si>
  <si>
    <t>Les Pyjamasques découvrent la nouvelle invention de Roméo : un mini-robot très mignon et câlin qu’ils prennent vite en affection. Mais il s’agit d’un piège: Roméo attend que les Pyjamasques emmènent le robot pour le téléguider et lui faire détruire le Q.G. / Alors que nos trois héros peuvent compter sur Pyja-robot, qui a toutes les qualités pour devenir le quatrième Pyjamasque, ils doivent affronter Ninjaka et sa bande de Ninjazouaves qui ont décidé, cette fois-ci, de voler tous les bâtiments de la ville.</t>
  </si>
  <si>
    <t>FR43075-HDTX</t>
  </si>
  <si>
    <t>PYJAMASQUES CLIPS</t>
  </si>
  <si>
    <t>Joyeux Noël !</t>
  </si>
  <si>
    <t>Les Pyjamasques sauvent Noël !</t>
  </si>
  <si>
    <t>1min</t>
  </si>
  <si>
    <t>FR32529-HDTX</t>
  </si>
  <si>
    <t>71</t>
  </si>
  <si>
    <t>Dingo fait pousser un arbre à hot-dogs avec l'aide de Pat armé de son engrais puissant. Fête d'anniversaire pour Phoebe, la petite chienne de Bitsy.</t>
  </si>
  <si>
    <t>FR82289-HDTX</t>
  </si>
  <si>
    <t>Vampirina S2 Ep 39a</t>
  </si>
  <si>
    <t>Le petit vampire qui s'était installé en ville revient pour de nouvelles aventures toujours plus monstrueuses ! Elle est bleue et elle a de grandes dents, mais elle n'est pas si différente !</t>
  </si>
  <si>
    <t>FR70273-HDTX</t>
  </si>
  <si>
    <t>17:15:00</t>
  </si>
  <si>
    <t>Le rire de Giganto</t>
  </si>
  <si>
    <t>Tiny ne prend jamais rien au sérieux. Mazu prend toujours tout au sérieux. Forcément, parfois, ça accroche. Et quand Giganto a une rage de dents, les deux doivent s’accorder pour lui venir en aide ! Tiny va apprendre à être un peu moins distraite, et un peu plus concentrée. Et Mazu va réaliser que son amie a aussi tout à fait raison de rire : c’est parfois une très bonne solution ! Finalement, c’est la combinaison des deux approches qui leur permettra de sauver Giganto. Il y a un temps pour rire, et un temps pour être sérieux. Et d’ailleurs… Est-ce qu’on vient d’entendre Giganto rire… ?</t>
  </si>
  <si>
    <t>FR65964-HDTX</t>
  </si>
  <si>
    <t>La Grande Esmeralda / Potions et coassements</t>
  </si>
  <si>
    <t>La Grande Esmeralda, qui n'a jamais tort, fait une triste prédiction à Vampirina. Elle va tout faire pour qu'elle ne se réalise pas. / Vampirina se transforme en crapaud.</t>
  </si>
  <si>
    <t>FR64490-HDTX</t>
  </si>
  <si>
    <t>Les Pyjamasques et la disparition de Sorceline / Gluglu, entraîneur de Ninjazouaves</t>
  </si>
  <si>
    <t>Les Pyjamasques aident Motsuki à retrouver Luna mais n'entendent pas les avertissements des Papinuits qui tentent de les prévenir que Ninjaka prépare un mauvais tour./ Quand les Ninjazouaves perdent soudainement leurs pouvoirs, les Pyjamasques tentent de leur apprendre des techniques de héros mais il semble difficile de garder leur attention.</t>
  </si>
  <si>
    <t>FR84563-HDTX</t>
  </si>
  <si>
    <t>Amis pour la vie</t>
  </si>
  <si>
    <t>Alors qu’il se rapproche de l’Arbre de Vie, la cicatrice de Kion le dérange de plus en plus. Bunga croit que ce comportement, qui ne ressemble pas à Kion, prouve que le venin qui est en lui le fait devenir méchant.</t>
  </si>
  <si>
    <t>FR63869-HDTX</t>
  </si>
  <si>
    <t>Mission papillons</t>
  </si>
  <si>
    <t>103</t>
  </si>
  <si>
    <t>L'amulette de Sofia l'envoie au secours d'une princesse en détresse. Sofia est surprise de voir qu'il s'agit de son ancienne ennemie, la princesse Eva.</t>
  </si>
  <si>
    <t>FR31560-HDTX</t>
  </si>
  <si>
    <t>La mission de Lulu / Un remède royal</t>
  </si>
  <si>
    <t>Réalisateur: Jean Herlihy, Réalisateur: Dan Nosella, Réalisateur: Chris NeeRéalisateur: Chris Nee</t>
  </si>
  <si>
    <t>Hallie, l'infirmière, organise une fête en l'honneur du bébé. / En voulant voler la couronne de la Reine Lavilaine, le Méchant Roi perd la sienne.</t>
  </si>
  <si>
    <t>FR31127-HDTX</t>
  </si>
  <si>
    <t>Bluey S1 Ep 48</t>
  </si>
  <si>
    <t>Bluey, Bingo et Maman débattent avec Papa de la définition de taquiner. Elles se rappellent chaque fois où il a été un « gros taquin », Papa affirme qu'il « jouait seulement ».</t>
  </si>
  <si>
    <t>FR216232-HDTX</t>
  </si>
  <si>
    <t>Bluey S1 Ep 34</t>
  </si>
  <si>
    <t>En route pour la déchetterie, Papa déclare qu'il est meilleur en tout. Quand Bluey découvre qu'il s'apprête à jeter ses vieux dessins, elle se demande s'il est bien le meilleur Papa au monde.</t>
  </si>
  <si>
    <t>FR79406-HDTX</t>
  </si>
  <si>
    <t>21:15:00</t>
  </si>
  <si>
    <t>Le grand méchant vert / Le rugissement de Giganto</t>
  </si>
  <si>
    <t>Il s’est passé quelque chose pendant la nuit… Termy a été expulsée du lac et se retrouve, avec les autres poissons, en haut d’un arbre ! La plage est en désordre, et l’eau du lac est chaude. Les habitants de Crétacia sont sans appel : c’est la faute de Giganto ! / Rocky veut rugir comme Giganto : ce serait trop cool et impressionnant ! Mais comment y arriver ? Marshall lui raconte alors « comment Giganto a eu son rugissement » : quand il était petit, Giganto a attrapé le rugissement de quelqu’un d’autre dans une noix de coco, l’a bu, et voilà ! Rocky veut faire pareil...</t>
  </si>
  <si>
    <t>FR79479-HDTX</t>
  </si>
  <si>
    <t>Le copain de Pluto</t>
  </si>
  <si>
    <t>Réalisateur: Rob LaDuca, Réalisateur: Sherie Pollack, Réalisateur: Vic Cook, Réalisateur: Donovan Cook, Interprète: They Might Be GiantsRéalisateur: Vic Cook, Réalisateur: Donovan Cook, Réalisateur: Rob LaDuca, Réalisateur: Sherie Pollack, Interprète: They Might Be Giants</t>
  </si>
  <si>
    <t>Un jeune phoque arrive dans la Maison de Mickey. Mickey et ses amis vont le dresser pour qu'il participe à un spectacle de cirque.</t>
  </si>
  <si>
    <t>FR30672-HDTX</t>
  </si>
  <si>
    <t>Sire Dingo du lac</t>
  </si>
  <si>
    <t>Réalisateur: Vic Cook, Réalisateur: Donovan Cook, Réalisateur: Rob LaDuca, Réalisateur: Sherie Pollack, Interprète: They Might Be GiantsRéalisateur: Vic Cook, Réalisateur: Donovan Cook, Réalisateur: Rob LaDuca, Réalisateur: Sherie Pollack, Interprète: They Might Be Giants</t>
  </si>
  <si>
    <t>Dingo veut devenir chevalier.</t>
  </si>
  <si>
    <t>FR30673-HDTX</t>
  </si>
  <si>
    <t>Bluey S1 Ep 17</t>
  </si>
  <si>
    <t>À l'école, Bluey et ses amis organisent différents jeux. Calypso, leur maîtresse, veille au bon déroulement avec un mot sage, une chanson ... pour tous, sauf le mystérieux Pretzel.</t>
  </si>
  <si>
    <t>FR79387-HDTX</t>
  </si>
  <si>
    <t>Yoyo a une place de concert à donner / Gluglu et la disparition de la Reptilo-Mobile</t>
  </si>
  <si>
    <t>Réalisateur: Merle-Anne Ridley, Réalisateur: Wilson Dos Santos, Réalisateur: Christian De VitaRéalisateur: Merle-Anne Ridley</t>
  </si>
  <si>
    <t>Yoyo n'a que deux places pour le spectacle de son chanteur préféré, et doit choisir lequel de ses meilleurs amis l'accompagnera au concert. / Gluglu perd sa Reptilo-Mobile au pire moment : il en aurait bien besoin pour empêcher Roméo de bombarder la ville d'oeufs puants...</t>
  </si>
  <si>
    <t>FR30363-HDTX</t>
  </si>
  <si>
    <t>La grosse colère de Sorceline/ Motsuki la meilleure méchante</t>
  </si>
  <si>
    <t>Après une nouvelle querelle avec Sorceline, Motsuki décide de devenir l'acolyte de Bibou, ce qui rend Sorceline encore plus en colère et dérange même un peu Yoyo et Gluglu. / Sorceline continue de traiter Motsuki comme un bébé, jusqu'à ce que cette dernière décide de prouver qu'elle peut être plus méchante qu'elle, en la piégeant elle et les Pyjamasques sur la Lune pour voler l'Aerototem des Pyjamasques.</t>
  </si>
  <si>
    <t>FR68530-HDTX</t>
  </si>
  <si>
    <t>LA MAISON DE MICKEY : LA COLLECTION HIVER DE MINNIE</t>
  </si>
  <si>
    <t>Réalisateur: Phil Weinstein</t>
  </si>
  <si>
    <t>Minnie part à l’aventure avec ses nièces car elle a oublié qu’elle devait jouer avec elles.</t>
  </si>
  <si>
    <t>FR32686-HDTX</t>
  </si>
  <si>
    <t>La course au guépard/ Journée d'observation</t>
  </si>
  <si>
    <t>Quand un guépard se promène en liberté chez T.O.T.S., Pipou et Freddy doivent jouer à chat pour l'attraper ! Les livreurs débutants accueillent des cigognes en sortie scolaire et leur expliquent comment livrer des bébés.</t>
  </si>
  <si>
    <t>FR72102-HDTX</t>
  </si>
  <si>
    <t>Retour aux sources / Incident mécanique</t>
  </si>
  <si>
    <t>Pipou et Freddy livrent un bébé pingouin dans la région d'origine de Pipou. Quand Pipou et Freddy cassent l'une des machines de TOTS, ils sont déterminés à la réparer tous seuls</t>
  </si>
  <si>
    <t>FR72108-HDTX</t>
  </si>
  <si>
    <t>T.O.T.S. S1 Ep 17</t>
  </si>
  <si>
    <t>Pipou le pingouin et Freddy le flamant rose sont livreurs débutants chez T.O.T.S, les Transports par Oiseaux de Tout-petitS, où ils sont chargés de livrés d'adorables bébés animaux à leurs parents.</t>
  </si>
  <si>
    <t>FR84282-HDTX</t>
  </si>
  <si>
    <t>Le temple du tigre / Un anniversaire fantas-cadeau-tique</t>
  </si>
  <si>
    <t>Freddy et Pipou font de leur mieux pour empêcher le prince tigre de se salir. Freddy essaye de trouver le cadeau d'anniversaire parfait pour un bébé qui vient d'arriver.</t>
  </si>
  <si>
    <t>FR72086-HDTX</t>
  </si>
  <si>
    <t>Gluglu et le Laser Spatial / Yoyo le Pataud</t>
  </si>
  <si>
    <t>Roméo conçoit un laser de l'espace afin de graver son visage sur la lune, et les Pyjamasques ainsi que Sorceline essaient de l'en empêcher. / Roméo se sert d'une nouvelle invention pour rendre tout le monde tellement maladroit que personne ne pourra l'empêcher de régner sur la Terre entière. Yoyo est le premier à être frappé par les effets de l'invention.</t>
  </si>
  <si>
    <t>FR30365-HDTX</t>
  </si>
  <si>
    <t>Yoyo, Gluglu et le Robot Dingo / Bibou et l'Animal de Compagnie</t>
  </si>
  <si>
    <t>Réalisateur: Christian De Vita, Réalisateur: Wilson Dos Santos, Réalisateur: Merle-Anne RidleyRéalisateur: Merle-Anne Ridley</t>
  </si>
  <si>
    <t>Roméo a un nouveau robot, baptisé Robette, mais suite à une défaillance mécanique celle-cidécide d'aller conquérir le monde pour en devenir elle-même la maîtresse. Heureusement, Yoyoet Gluglu sont là pour l'arrêter... / Au QG, Bibou trouve un oiseau et décide qu'il fera le parfait animal de compagnie. Mais quand notre héroïne découvre qu'il n'est pas si facile de s'occuper d'un animal, l'oiseau délaissé se laisse alors convaincre par Sorceline de transformer le QG en Aimant-Lune géant.</t>
  </si>
  <si>
    <t>FR30366-HDTX</t>
  </si>
  <si>
    <t>Gluglu et le rayon babyficateur/Bibou et l'éclipse lunaire</t>
  </si>
  <si>
    <t>Romeo transforme tout le monde en bébés et Gluglu doit surveiller ses deux partenaires Minibou et Petit Chat en même temps qu’il sauve le monde./Bibou doit mettre de côté sa jalousie afin d’aider Sorceline à récupérer son aérolune et son luna magnet, volés par Roméo.</t>
  </si>
  <si>
    <t>FR43071-HDTX</t>
  </si>
  <si>
    <t>Gluglu et l'esprit du carnaval / Bibou et son double</t>
  </si>
  <si>
    <t>Un des chars pour le défilé du carnaval a disparu ! C’est Ninjaka qui l’a volé pour Roméo –qui compte bien s’emparer des autres pour les contrôler et terroriser la ville. Les Pyjamasques essaient de les en empêcher, mais Gluglu ne se préoccupe que du char qu’il a fabriqué lui-même. Si l’équipe de reste pas soudée, Roméo a une chance de gagner !/ Roméo prend l'apparence de Bibou pour que Yoyo et Gluglu l'aide à mettre hors d'état de nuire les autres méchants de la ville.</t>
  </si>
  <si>
    <t>FR43076-HDTX</t>
  </si>
  <si>
    <t>Bluey S1 Ep 24</t>
  </si>
  <si>
    <t>Papa emmène Bluey et Bingo au parc dans un petit chariot. Bluey est pressée d'aller faire le parcours des anneaux et s'énerve car Papa s'arrête en chemin pour bavarder avec les voisins.</t>
  </si>
  <si>
    <t>FR79395-HDTX</t>
  </si>
  <si>
    <t>FR82273-HDTX</t>
  </si>
  <si>
    <t>Vampirina S2 Ep 39b</t>
  </si>
  <si>
    <t>FR70274-HDTX</t>
  </si>
  <si>
    <t>Dinosia</t>
  </si>
  <si>
    <t>Nos quatre héros en ont marre de Crétacia : Mazu n’a plus rien à découvrir, Rocky n’a plus de challenges, Bill a déjà goûté à tout et tout le monde connaît le répertoire de blagues de Tiny. Ayati leur raconte alors la légende de Dinosia, une terre merveilleuse qui satisfera à tous leurs désirs. « Suivez les étincelles ! » C’est un peu maigre comme indication, mais les 4 dinos se mettent en route. Ils suivent les reflets du lac, la lumière des lucioles, et chacun d’entre eux s’amuse vraiment bien. Jusqu’à trouver, au fond de la Grotte qui Hurle, un passage secret. L’entrée de Dinosia ?</t>
  </si>
  <si>
    <t>FR65965-HDTX</t>
  </si>
  <si>
    <t>Vampirina S2</t>
  </si>
  <si>
    <t>Vampirina est un petit vampire. Avec ses parents, elle a quitté la Transylvanie pour s’installer en Pennsylvanie et doit apprendre à vivre parmi les humains.</t>
  </si>
  <si>
    <t>FR64493-HDTX</t>
  </si>
  <si>
    <t>Les Pyjamasques et la fête de Flamme Rouge / Flamme Rouge et les Farfeloups de la Montagne</t>
  </si>
  <si>
    <t>Ninjaka s’est emparé d’une statuette secrète et s’en sert pour piéger Flamme Rouge et les Pyjamasques./ Quand les Farfeloups s’invitent sur la Montagne Mystérieuse, Flamme Rouge décide de les dresser grâce à un air de flûte. Mais Ninjaka rôde.</t>
  </si>
  <si>
    <t>FR84564-HDTX</t>
  </si>
  <si>
    <t>Les dragons et la vague géante</t>
  </si>
  <si>
    <t>La Garde du Roi Lion s'aventure sur une presqu'île pour trouver le rocher moja kwa moja, mais ils sont attaqués par des dragons de Komodo.</t>
  </si>
  <si>
    <t>FR80447-HDTX</t>
  </si>
  <si>
    <t>Le trésor des pirates</t>
  </si>
  <si>
    <t>104</t>
  </si>
  <si>
    <t>Alors qu'elles se préparent à assister au spectacle annuel de la pluie d'étoiles, Sofia, Ambre et Miranda sont enlevées par des pirates.</t>
  </si>
  <si>
    <t>FR31561-HDTX</t>
  </si>
  <si>
    <t>L'arrivée du bébé</t>
  </si>
  <si>
    <t>Réalisateur: Norton Virgien, Réalisateur: Chris NeeRéalisateur: Chris Nee</t>
  </si>
  <si>
    <t>Les parents reçoivent l'appel tant attendu : le bébé va naître !</t>
  </si>
  <si>
    <t>FR31128-HDTX</t>
  </si>
  <si>
    <t>Bluey S1 Ep 43</t>
  </si>
  <si>
    <t>Bluey fait du camping dans la forêt et se fait un nouvel ami, Johnny. Bluey ne le comprend peut-être pas, mais ils trouvent une langue commune en jouant et en chassant un gros sanglier.</t>
  </si>
  <si>
    <t>FR79416-HDTX</t>
  </si>
  <si>
    <t>Bluey S1 Ep 21</t>
  </si>
  <si>
    <t>Bluey, Bingo, Maman and Papa jouent aux marionnettes, explorant la terre au-delà des Montagnes bleues où ils déjouent le Renard effronté pour trouver les lits les plus doux du monde.</t>
  </si>
  <si>
    <t>FR79392-HDTX</t>
  </si>
  <si>
    <t>Bluey S1 Ep 37</t>
  </si>
  <si>
    <t>Princesses, chevaux et baguettes magiques. Bluey et Chloé peuvent jouer tous les personnages, et se lancent dans une aventure au parc pour sauver le royaume de la Reine cupide</t>
  </si>
  <si>
    <t>FR79409-HDTX</t>
  </si>
  <si>
    <t>Le défi / Le maître de Giganto</t>
  </si>
  <si>
    <t>Les quatre petits dinos affrontent les raptors au carniball. L’enjeu ? Le terrain de jeu de la Grotte qui Hurle ! Rocky et Tiny sont vraiment bons à carniball, et Mazu ne court pas vite mais elle vise très bien. Mais Bill trouve qu’il est nul ! Et la pression est trop forte ! / Suite à un malentendu, tout le monde est persuadé que Rocky contrôle Giganto. Il lui suffit de dire « Rocky a dit :… » pour que Giganto exécute l’ordre. Bien vite, Rocky se rend compte que c’est du pipeau ; mais il n’ose pas avouer la vérité ! Il aime bien l’attention qu’on lui porte…</t>
  </si>
  <si>
    <t>FR65947-HDTX</t>
  </si>
  <si>
    <t>Mille mercis, Mickey</t>
  </si>
  <si>
    <t>Réalisateur: Sherie Pollack, Réalisateur: Vic Cook, Réalisateur: Donovan Cook, Réalisateur: Rob LaDuca, Interprète: They Might Be GiantsRéalisateur: Vic Cook, Réalisateur: Donovan Cook, Réalisateur: Rob LaDuca, Réalisateur: Sherie Pollack, Interprète: They Might Be Giants</t>
  </si>
  <si>
    <t>Minnie prépare le repas pour la fête des mille mercis.</t>
  </si>
  <si>
    <t>FR30674-HDTX</t>
  </si>
  <si>
    <t>La journée de l'amitié</t>
  </si>
  <si>
    <t>Réalisateur: Donovan Cook, Réalisateur: Vic Cook, Réalisateur: Rob LaDuca, Réalisateur: Sherie Pollack, Interprète: They Might Be GiantsRéalisateur: Vic Cook, Réalisateur: Donovan Cook, Réalisateur: Rob LaDuca, Réalisateur: Sherie Pollack, Interprète: They Might Be Giants</t>
  </si>
  <si>
    <t>C'est la fête de l'amitié mais les chapeaux de fête ont disparu.</t>
  </si>
  <si>
    <t>FR30675-HDTX</t>
  </si>
  <si>
    <t>Bluey S1 Ep 44</t>
  </si>
  <si>
    <t>Bingo et Bluey ont encore cinq minutes pour jouer avant d'aller se coucher et ont juste le temps d’escalader le Mont Papamaman. Mais entre fortes tempêtes et avalanches, cela demandera un travail d'équipe.</t>
  </si>
  <si>
    <t>FR79417-HDTX</t>
  </si>
  <si>
    <t>Bibou et la querelle des Q.G.s / Gluglu et le Micmac au Musée</t>
  </si>
  <si>
    <t>Réalisateur: Christian De Vita, Réalisateur: Merle-Anne Ridley, Réalisateur: Wilson Dos SantosRéalisateur: Merle-Anne Ridley</t>
  </si>
  <si>
    <t>Ninjaka se crée sa propre forteresse imprenable en empilant des cars de ramassage scolaire les uns sur les autres. Le méchant compte se servir de son nouveau QG pour annexer celui des Pyjamasques. Malheureusement pour ces derniers, Bibou est tellement épatée par la forteresse de Ninjaka qu'elle en oublie que son QG à elle est tout aussi épatant... / Alors que Roméo s'apprête à frapper avec une nouvelle invention, Gluglu échoue à l'arrêter à temps. S'il veut espérer arrêter le méchant et sa machine, notre héros va devoir apprendre qu'il y a plus d'une solution à un seul problème.</t>
  </si>
  <si>
    <t>FR30367-HDTX</t>
  </si>
  <si>
    <t>Robette et Tatouro'Tom / Yoyo et la colère de Tatouro'Tom</t>
  </si>
  <si>
    <t>Après que Tatouro'Tom ait rencontré Robette, il pense à tort qu'elle est sa nouvelle meilleure copine. Il se bat avec Roméo pour déterminer qui de Robot ou Robette est le meilleur meilleur copain, tandis que les Pyjamasques font de leur mieux pour sauver la ville des dommages collatéraux./ Encore une fois, Tatouro'Tom perd son sang froid et casse toute la ville. Lles Pyjamasques décident alors de l'emmener dans un voyage zen dans la montagne mystère. Mais Ninjaka a d'autres projets pour le futur héros.</t>
  </si>
  <si>
    <t>FR68518-HDTX</t>
  </si>
  <si>
    <t>LA MAISON DE MICKEY: DINGO AU PAYS DES CONTES DE FÉES</t>
  </si>
  <si>
    <t>Dingo ayant effacé les contes de fées de la Maison de Mickey, il doit aller au Pays des contes de fées pour récupérer le livre d’histoires en or.</t>
  </si>
  <si>
    <t>FR31449-HDTX</t>
  </si>
  <si>
    <t>T.O.T.S. S1 Ep 18</t>
  </si>
  <si>
    <t>Un bébé est rendu à la nurserie. Les livreurs bravent le désert !</t>
  </si>
  <si>
    <t>FR72093-HDTX</t>
  </si>
  <si>
    <t>Yoyo et la nuit du chat / Yoyo et le Rembobinateur</t>
  </si>
  <si>
    <t>Yoyo entends parler d’un moyen d’augmenter ses pouvoirs et demande à Gluglu et Bibou de l’aider. Mais il s’agit en fait d’une ruse de Sorceline qui piège Yoyo dans une Lunaroue. Avec l’aide de Gluglu et Bibou, Yoyo est libéré et réalise qu’il a lui-même amélioré ses pouvoirs./ Yoyo devient la cible d’une télécommande maléfique créée par Roméo et qui permet de rembobiner tout ce qui se passe pendant une nuit sans fin.</t>
  </si>
  <si>
    <t>FR43072-HDTX</t>
  </si>
  <si>
    <t>Gluglu et la lune rousse : Partie 1 / Gluglu et la lune rousse : Partie 2</t>
  </si>
  <si>
    <t>Sorceline s'envole vers la lune rousse pour gagner de nouveaux pouvoirs grâce à des cristaux de lune très rares. Les Pyjamasques foncent à sa poursuite, mais Gluglu a peur d'aller dans l'espace, ce monde inconnu et si imprévisible. Le voyage est drôlement mouvementé !/ Alors que Bibou et Yoyo ont poursuivi Sorceline dans sa forteresse lunaire, ils sont emprisonnés par des cristaux géants et ne peuvent compter que sur Gluglu, resté dans leur vaisseau spatial. Heureusement, Gluglu trouve le courage pour affronter ses peurs.</t>
  </si>
  <si>
    <t>FR43077-HDTX</t>
  </si>
  <si>
    <t>Yoyo le Pataud</t>
  </si>
  <si>
    <t>Roméo se sert d'une nouvelle invention pour rendre tout le monde tellement maladroit que personne ne pourra l'empêcher de régner sur la Terre entière. Yoyo est le premier à être frappé par les effets de l'invention. D'ordinaire si agile, il refuse d'admettre sa maladresse et de reconnaître qu'il a besoin d'aide pour mener la mission à bien.</t>
  </si>
  <si>
    <t>12min</t>
  </si>
  <si>
    <t>FR33983-HDTX</t>
  </si>
  <si>
    <t>DISNEY TOUS EN FORME L’ASTUCE DU JOUR</t>
  </si>
  <si>
    <t>Le Monde De Nemo</t>
  </si>
  <si>
    <t>S'inspirer de ses héros préférés</t>
  </si>
  <si>
    <t>Magazine</t>
  </si>
  <si>
    <t>9min</t>
  </si>
  <si>
    <t>FR58215-HDTX</t>
  </si>
  <si>
    <t>FR82278-HDTX</t>
  </si>
  <si>
    <t>Les Pyjamasques sauvent Noël</t>
  </si>
  <si>
    <t>73</t>
  </si>
  <si>
    <t>Découvrant qu'il est sur la liste des enfants méchants et qu'il ne recevra pas ce qu'il a demandé à Noël, Roméo décide de ruiner Noël pour tous le monde. Les Pyjamasques doivent aider le Père Noël et sauver Noël!</t>
  </si>
  <si>
    <t>FR68537-HDTX</t>
  </si>
  <si>
    <t>FR64494-HDTX</t>
  </si>
  <si>
    <t>Le secret de Maître Fang / Tatouro'Tom et le Pyj'avion</t>
  </si>
  <si>
    <t>84</t>
  </si>
  <si>
    <t>Sacha a hâte de lire le nouveau numéro spécial de la BD de Maître Fang qui contient un secret pour devenir le meilleur. Mais Tatouro’Tom est déjà sur place. Qui des deux héros arrivera à découvrir le secret ? / Tatouro’Tom est très attiré par le nouveau Pyj’avion des Pyjamasques, et il aimerait bien s’en servir pour lutter contre Ninjaka. Mais dernier le trouve lui aussi à son goût...</t>
  </si>
  <si>
    <t>FR84565-HDTX</t>
  </si>
  <si>
    <t>La Garde du Roi Lion S3</t>
  </si>
  <si>
    <t>La Garde du Roi Lion est ravie d’arriver à la fin de son périple jusqu’à l’Arbre de Vie. Mais leurs réjouissances sont écourtées, lorsque la Garde de Nuit les prend pour une menace et les attaque !</t>
  </si>
  <si>
    <t>FR63871-HDTX</t>
  </si>
  <si>
    <t>L'oeil de Faucon</t>
  </si>
  <si>
    <t>105</t>
  </si>
  <si>
    <t>Chrysta et Sofia sont en mission à Wei-ling pour protéger une des 9 Merveilles convoitées par Prisma.</t>
  </si>
  <si>
    <t>FR31562-HDTX</t>
  </si>
  <si>
    <t>Un prénom pour le bébé/Bonne nuit, Lala</t>
  </si>
  <si>
    <t>Réalisateur: Dan Nosella, Réalisateur: Chris Nee, Réalisateur: Shane CollinsRéalisateur: Chris Nee</t>
  </si>
  <si>
    <t>Bébé La Peluche est arrivée, mais la famille ne lui a pas encore trouvé de prénom. /Lala, le nouveau jouet, a du mal à s'adapter à son nouveau foyer.</t>
  </si>
  <si>
    <t>FR31129-HDTX</t>
  </si>
  <si>
    <t>Bluey S1 Ep 38</t>
  </si>
  <si>
    <t>Bluey s'amuse à imiter tout ce que papa dit et fait, mais le jeu devient sérieux lorsque Bluey trouve une perruche blessée qu'ils doivent emmener d'urgence chez le vétérinaire.</t>
  </si>
  <si>
    <t>FR79410-HDTX</t>
  </si>
  <si>
    <t>Bluey S1 Ep 23</t>
  </si>
  <si>
    <t>La marchande est le jeu favori de Bluey et ses amis, quand ils peuvent commencer ! Avec Bluey qui remet en question les règles et change les rôles, ça pourrait durer toute la journée !</t>
  </si>
  <si>
    <t>FR79394-HDTX</t>
  </si>
  <si>
    <t>Suivez le chef / Un artiste est né</t>
  </si>
  <si>
    <t>Il fait très chaud dans la savane, et nos quatre héros essayent d’aider Ayati à se rafraîchir. Mais les idées de Rocky sont catastrophiques. Le problème, c’est que Rocky a du mal à ne pas se poser en « chef » de son petit groupe d’amis. Les autres lui font gentiment comprendre qu’ils ne suivront pas ses idées ! / Tiny aime peindre et dessiner. Son frère Troy aime déraciner des arbres. Et il n’est pas trop à l’aise avec toutes ces choses artistiques. Quand il se blesse en fonçant dans un noyer, il se retrouve hors course. Plus de tacle pour lui, il doit se reposer ! Et ça le rend malheureux...</t>
  </si>
  <si>
    <t>FR65948-HDTX</t>
  </si>
  <si>
    <t>Coco le singe de Dingo</t>
  </si>
  <si>
    <t>Réalisateur: Vic Cook, Réalisateur: Donovan Cook, Réalisateur: Sherie Pollack, Réalisateur: Rob LaDuca, Interprète: They Might Be GiantsRéalisateur: Vic Cook, Réalisateur: Donovan Cook, Réalisateur: Rob LaDuca, Réalisateur: Sherie Pollack, Interprète: They Might Be Giants</t>
  </si>
  <si>
    <t>Le singe de Dingo veut organiser une fête de la noix de coco.</t>
  </si>
  <si>
    <t>FR30676-HDTX</t>
  </si>
  <si>
    <t>Pluto, chien des neiges</t>
  </si>
  <si>
    <t>Donald et Dingo ont fait un bonhomme de neige.</t>
  </si>
  <si>
    <t>FR30677-HDTX</t>
  </si>
  <si>
    <t>Bluey S1 Ep 45</t>
  </si>
  <si>
    <t>Faire les courses s'avère difficile pour Papa, lorsque Bingo et Bluey veulent jouer au « jeu des enfants ». Maintenant Bluey est Maman, Bingo est son bébé et Papa est un garçon très vilain !</t>
  </si>
  <si>
    <t>FR79418-HDTX</t>
  </si>
  <si>
    <t>Yoyo et le chien-garou / Ninjaka et les Farfezouaves</t>
  </si>
  <si>
    <t>Loune et Tiloup s'enfuient avec un chien du coin - ils pensent que c'est Scarloup, enfin devenu "Tout Garou". Les Pyjamasques doivent récupérer le chien... et découvrir ce qui est arrivé à Scarloup... /Les Farfezouaves - des Ninjazouaves frappés par des étoiles collantes que les Farfeloups ont machés - font de sacrés dégats dans la Montagne Mystère et les Pyjamasques doivent s'allier à Ninjaka pour les arrêter.</t>
  </si>
  <si>
    <t>FR68519-HDTX</t>
  </si>
  <si>
    <t>LA MAISON DE MICKEY - LE MAGICIEN D'IZZ</t>
  </si>
  <si>
    <t>Réalisateur: Rob LaDuca</t>
  </si>
  <si>
    <t>Alors que Mickey prépare la grande fête de l’amitié, une tornade emmène Minnie et Pluto au Pays d’Izz. Pour rentrer chez eux, ils vont avoir besoin de l’aide du merveilleux magicien d’Izz.</t>
  </si>
  <si>
    <t>2011</t>
  </si>
  <si>
    <t>51min</t>
  </si>
  <si>
    <t>FR31350-HDTX</t>
  </si>
  <si>
    <t>Une parfaite petite assistante / Un caméléon coloré</t>
  </si>
  <si>
    <t>Pipou et Freddy doivent livrer et chaton mais ils pensent faire erreur car il n'y a pas de chats chez T.O.T.S. Les livreurs débutants doivent livrer un caméléon qui n'arrête pas de disparaître. Customize</t>
  </si>
  <si>
    <t>FR72104-HDTX</t>
  </si>
  <si>
    <t>Livraison sous surveillance / L'oiseau chanteur</t>
  </si>
  <si>
    <t>Pipou et Freddy doivent impressionner le Capitaine Becman lorsqu'elle les accompagne pour une livraison. Quand Mimi, l'oiseau-moqueur, se met à chanter une berceuse tout le monde s'endort chez T.O.T.S.</t>
  </si>
  <si>
    <t>FR72097-HDTX</t>
  </si>
  <si>
    <t>Gluglu et les Papi-Ninjas / Bibou et la chasse au trésor</t>
  </si>
  <si>
    <t>Les vilains acolytes, ninjazouaves et papilunes, s’associent pour devenir un seul super méchant. Gluglu apprend alors à laisser de côté son orgueil et à travailler main dans la main avec Bibou et Yoyo (et aussi un peu avec Sorceline et Ninjaka) afin d’arrêter cette nouvelle équipe démoniaque./Lors d’une chasse au trésor, During a scavenger hunt, Bibou est dupée par Ninjaka pour trouver à sa place les ingrédients nécessaires à sa nouvelle invention maléfique, les Comètes collantes, qu’il prévoit d’uitliser sur le quartier general.</t>
  </si>
  <si>
    <t>FR43073-HDTX</t>
  </si>
  <si>
    <t>Yoyo et l’Animo-Métamorpho-Zoo / Gluglu et le robot sous-marin</t>
  </si>
  <si>
    <t>Roméo transforme Yoyo en chaton et le confie à Robot. Puis Roméo tend un piège à Bibou, Gluglu, et tous les habitants de la ville, pour pouvoir les transformer, eux aussi, en animaux et devenir le maître du monde ! Mais Robot, très attaché à son nouveau compagnon, ne va pas aider Roméo, bien au contraire. / Quand le sous-marin télécommandé de Greg disparaît mystérieusement sous l’eau, c’est un nouveau défi pour les Pyjamasques ! Roméo veut les attirer sous l'eau ! Gluglu fait tout pour le faire échouer mais il n’ose pas avouer à ses amis qu’il n’est pas du tout à l’aise en milieu aquatique.</t>
  </si>
  <si>
    <t>FR43078-HDTX</t>
  </si>
  <si>
    <t>T.O.T.S. S1 Ep 14</t>
  </si>
  <si>
    <t>Pipou et Freddy enseignent au bébé renne la joie d'offrir à Noël ! Pipou et Freddy ont malencontreusement tondu le bébé mouton et vont devoir trouver une solution pour lui rendre sa laine.</t>
  </si>
  <si>
    <t>FR72089-HDTX</t>
  </si>
  <si>
    <t>Les Loup-garettes de Transylvanie.</t>
  </si>
  <si>
    <t>Edgar suit les Louvettes qui partent en vamping avec les Loup-garettes, en Transylvanie. Vampirina et les filles lui révèlent alors l'existence des monstres.</t>
  </si>
  <si>
    <t>FR64496-HDTX</t>
  </si>
  <si>
    <t>Bibou et l'astéroïde géant / Les Pyjamasques et les astéroïdes</t>
  </si>
  <si>
    <t>85</t>
  </si>
  <si>
    <t>En rentrant d’une mission dans l’espace, Bibou envoie accidentellement un astéroïde sur la Terre. Cet évènement la préoccupe et l’empêche de se concentrer sur la lutte contre Roméo... d’autant plus qu’elle a repéré un garçon dont le comportement lui paraît suspect./Les Pyjamasques ont hâte de découvrir les pouvoirs de leur nouvel ami Hector. Mais celui-ci aime le calme et la tranquillité de l’espace et préfère être seul…</t>
  </si>
  <si>
    <t>FR84566-HDTX</t>
  </si>
  <si>
    <t>Bunga et Binga</t>
  </si>
  <si>
    <t>Mama Binturong se fait passer pour un animal en détresse et se renseigne sur l'Arbre de Vie pour aider les méchants.</t>
  </si>
  <si>
    <t>FR63872-HDTX</t>
  </si>
  <si>
    <t>L'héritier du trône</t>
  </si>
  <si>
    <t>106</t>
  </si>
  <si>
    <t>Qui héritera du trône d'Enchancia ?</t>
  </si>
  <si>
    <t>FR31563-HDTX</t>
  </si>
  <si>
    <t>DOCTEUR LA PELUCHE : L’HÔPITAL DES JOUETS</t>
  </si>
  <si>
    <t>À secouer avec précaution / Hallie perd sa voix</t>
  </si>
  <si>
    <t>Réalisateur: Dan Nosella, Réalisateur: Jean Herlihy, Réalisateur: Damien O'ConnorRéalisateur: Dan Nosella</t>
  </si>
  <si>
    <t>Doc aide un jouet qui vit dans une boule à neige géante. / Hallie fatigue tellement sa voix qu'elle s'enroue le jour où elle est censée chanter à un match.</t>
  </si>
  <si>
    <t>FR31293-HDTX</t>
  </si>
  <si>
    <t>Bluey S1 Ep 14</t>
  </si>
  <si>
    <t>Obligées d'attendre leur commande à emporter cinq minutes devant un restaurant, Bluey et Bingo font exprès de s’agiter, poussant à bout la patience de Papa.</t>
  </si>
  <si>
    <t>FR79384-HDTX</t>
  </si>
  <si>
    <t>Réalisateur: Richard Jeffery, Réalisateur: Joe BrummRéalisateur: Joe Brumm, Réalisateur: Richard Jeffery</t>
  </si>
  <si>
    <t>La promesse brisée de Bill / Tiny les pouces verts</t>
  </si>
  <si>
    <t>C’est l’anniversaire de Rocky, et Bill a promis de ne pas révéler son cadeau : un dessin de Giganto fait par Tiny. Mais Bill crache le morceau ! Et par un système de rumeurs compliquées, le cadeau de Rocky se transforme en… « Giganto », tout court ! / Par accident, Tiny a déraciné un petit arbre. Elle décide de prendre soin de lui jusqu’à ce qu’il soit suffisamment grand et fort pour être replanté dehors. En attendant, elle le garde avec elle dans un pot ; elle lui donne à boire, elle l’expose au soleil, lui chante des chansons, lui fait des câlins… Et progressivement, l’arbre grandit !</t>
  </si>
  <si>
    <t>FR65950-HDTX</t>
  </si>
  <si>
    <t>Réalisateur: Sherie Pollack, Réalisateur: Rob LaDuca, Réalisateur: Vic Cook, Réalisateur: Donovan Cook, Interprète: They Might Be GiantsRéalisateur: Rob LaDuca, Réalisateur: Sherie Pollack, Réalisateur: Vic Cook, Réalisateur: Donovan Cook, Interprète: They Might Be Giants</t>
  </si>
  <si>
    <t>Réalisateur: Vic Cook, Réalisateur: Donovan Cook, Réalisateur: Sherie Pollack, Réalisateur: Rob LaDuca, Interprète: They Might Be GiantsRéalisateur: Rob LaDuca, Réalisateur: Sherie Pollack, Réalisateur: Vic Cook, Réalisateur: Donovan Cook, Interprète: They Might Be Giants</t>
  </si>
  <si>
    <t>Les Pirates</t>
  </si>
  <si>
    <t>Le bébé prématuré</t>
  </si>
  <si>
    <t>Roméo efface tous les textes des livres. Bibou demande de l'aide à Zoé Zap. Roméo utilise des gants de boxe pour s'introduire au musée pour voler un propulseur.</t>
  </si>
  <si>
    <t>Le nouveau dispositif de Roméo transforme Bibou et Yoyo en méchants ! Tous les méchants unissent leurs forces pour enfin vaincre les Pyjamasques une fois pour toutes !</t>
  </si>
  <si>
    <t>Roméo et Ninjaka font alliance pour faire rétrécir les Pyjamasques à l'aide de l'invention de Roméo. Sorceline crée un énorme ballon et y cache tous les jouets qu'elle a volés.</t>
  </si>
  <si>
    <t>Accusant ses papillons de nuit de l'avoir fait perdre, Sorceline vole des papillons pour en faire son bataillon. Sorceline et Bibou s'affrontent pour remporter le prix du meilleur et plus grand jouet.</t>
  </si>
  <si>
    <t>Yoyo renvoie trop rapidement ses attaques à Sorceline. Bibou apprend que pour qu'ils forment une équipe, elle doit apprendre à Yoyo et à Gluglu à vaincre Ninjaka.</t>
  </si>
  <si>
    <t>L'équipe déjoue le plan de Romeo de jouer une partie de flipper dans la ville avec des boules de démolition. Yoyo veut prouver son talent en arrêtant Ninjaka tout seul.</t>
  </si>
  <si>
    <t>La Chauve-souris</t>
  </si>
  <si>
    <t>A Cheval !</t>
  </si>
  <si>
    <t>L'Hotel</t>
  </si>
  <si>
    <t>Bicyclette</t>
  </si>
  <si>
    <t>Bob, le Bilby</t>
  </si>
  <si>
    <t>2min</t>
  </si>
  <si>
    <t>Le Médecin</t>
  </si>
  <si>
    <t>Paré au décollage / Premier cours</t>
  </si>
  <si>
    <t>Kit se porte volontaire pour une mission afin de prouver qu’elle est prête à entrer à l’École de Pilotage Valkyrie. Kit se lie d'amitié avec Valérie d'Avion, la fille la plus cool de la classe !</t>
  </si>
  <si>
    <t>FR79567-HDTX</t>
  </si>
  <si>
    <t>Mira Détective Royale S1 Ep 1</t>
  </si>
  <si>
    <t>FR79273-HDTX</t>
  </si>
  <si>
    <t>Ratpoulet</t>
  </si>
  <si>
    <t>Papillons</t>
  </si>
  <si>
    <t>Bumpy et le vieux lévrier sag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indexed="8"/>
      <name val="Calibri"/>
      <family val="2"/>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b/>
      <i/>
      <sz val="11"/>
      <color indexed="8"/>
      <name val="Calibri"/>
      <family val="2"/>
    </font>
    <font>
      <b/>
      <i/>
      <sz val="10"/>
      <color indexed="8"/>
      <name val="Arial"/>
      <family val="2"/>
    </font>
    <font>
      <sz val="10"/>
      <color indexed="8"/>
      <name val="Arial"/>
      <family val="2"/>
    </font>
    <font>
      <sz val="10"/>
      <color theme="1"/>
      <name val="Arial"/>
      <family val="2"/>
    </font>
    <font>
      <sz val="10"/>
      <color rgb="FF2D2D2D"/>
      <name val="Arial"/>
      <family val="2"/>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7"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7"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7"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7"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7"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7" fillId="32" borderId="0" applyNumberFormat="0" applyBorder="0" applyAlignment="0" applyProtection="0"/>
  </cellStyleXfs>
  <cellXfs count="9">
    <xf numFmtId="0" fontId="0" fillId="0" borderId="0" xfId="0"/>
    <xf numFmtId="0" fontId="18" fillId="0" borderId="0" xfId="0" applyFont="1"/>
    <xf numFmtId="0" fontId="19" fillId="0" borderId="0" xfId="0" applyFont="1" applyAlignment="1"/>
    <xf numFmtId="0" fontId="20" fillId="0" borderId="0" xfId="0" applyFont="1" applyAlignment="1"/>
    <xf numFmtId="14" fontId="20" fillId="0" borderId="0" xfId="0" applyNumberFormat="1" applyFont="1" applyAlignment="1"/>
    <xf numFmtId="21" fontId="20" fillId="0" borderId="0" xfId="0" applyNumberFormat="1" applyFont="1" applyAlignment="1"/>
    <xf numFmtId="0" fontId="19" fillId="0" borderId="0" xfId="0" applyFont="1"/>
    <xf numFmtId="0" fontId="21" fillId="0" borderId="0" xfId="0" applyFont="1"/>
    <xf numFmtId="0" fontId="22" fillId="0" borderId="0" xfId="0" applyFont="1"/>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ustomBuiltin="1"/>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23">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26" formatCode="hh:mm:ss"/>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numFmt numFmtId="19" formatCode="dd/mm/yyyy"/>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val="0"/>
        <i val="0"/>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font>
        <b/>
        <i/>
        <strike val="0"/>
        <condense val="0"/>
        <extend val="0"/>
        <outline val="0"/>
        <shadow val="0"/>
        <u val="none"/>
        <vertAlign val="baseline"/>
        <sz val="10"/>
        <color indexed="8"/>
        <name val="Arial"/>
        <scheme val="none"/>
      </font>
      <alignment horizontal="general" vertical="bottom" textRotation="0" wrapText="0" indent="0" justifyLastLine="0" shrinkToFit="0" readingOrder="0"/>
    </dxf>
    <dxf>
      <border>
        <left style="thin">
          <color auto="1"/>
        </left>
        <right style="thin">
          <color auto="1"/>
        </right>
        <top style="thin">
          <color auto="1"/>
        </top>
        <bottom style="thin">
          <color auto="1"/>
        </bottom>
        <vertical style="thin">
          <color auto="1"/>
        </vertical>
        <horizontal style="thin">
          <color auto="1"/>
        </horizontal>
      </border>
    </dxf>
  </dxfs>
  <tableStyles count="2" defaultTableStyle="TableStyleMedium2" defaultPivotStyle="PivotStyleLight16">
    <tableStyle name="Table Style 1" pivot="0" count="0"/>
    <tableStyle name="Table Style 2" pivot="0" count="1">
      <tableStyleElement type="wholeTable" dxfId="22"/>
    </tableStyle>
  </tableStyle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06/relationships/vbaProject" Target="vbaProject.bin"/><Relationship Id="rId5" Type="http://schemas.openxmlformats.org/officeDocument/2006/relationships/sharedStrings" Target="sharedStrings.xml"/><Relationship Id="rId4" Type="http://schemas.openxmlformats.org/officeDocument/2006/relationships/styles" Target="styles.xml"/></Relationships>
</file>

<file path=xl/tables/table1.xml><?xml version="1.0" encoding="utf-8"?>
<table xmlns="http://schemas.openxmlformats.org/spreadsheetml/2006/main" id="1" name="Table1" displayName="Table1" ref="A1:T283" totalsRowShown="0" headerRowDxfId="21" dataDxfId="20">
  <autoFilter ref="A1:T283"/>
  <tableColumns count="20">
    <tableColumn id="1" name="Channel" dataDxfId="19"/>
    <tableColumn id="2" name="TX Date" dataDxfId="18"/>
    <tableColumn id="3" name="Day" dataDxfId="17"/>
    <tableColumn id="4" name="TX Time" dataDxfId="16"/>
    <tableColumn id="5" name="Series Title" dataDxfId="15"/>
    <tableColumn id="6" name="Episode Title" dataDxfId="14"/>
    <tableColumn id="7" name="Episode No" dataDxfId="13"/>
    <tableColumn id="8" name="Season" dataDxfId="12"/>
    <tableColumn id="9" name="Cast Info" dataDxfId="11"/>
    <tableColumn id="10" name="Synopsis" dataDxfId="10"/>
    <tableColumn id="11" name="Programme Type" dataDxfId="9"/>
    <tableColumn id="12" name="Genre" dataDxfId="8"/>
    <tableColumn id="13" name="Production Country" dataDxfId="7"/>
    <tableColumn id="14" name="Production Year" dataDxfId="6"/>
    <tableColumn id="15" name="Duration" dataDxfId="5"/>
    <tableColumn id="16" name="IDSubtitle" dataDxfId="4"/>
    <tableColumn id="17" name="Sound" dataDxfId="3"/>
    <tableColumn id="18" name="Programme Format" dataDxfId="2"/>
    <tableColumn id="19" name="TX ID" dataDxfId="1"/>
    <tableColumn id="20" name="Inedit" dataDxfId="0"/>
  </tableColumns>
  <tableStyleInfo name="Table Style 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V284"/>
  <sheetViews>
    <sheetView workbookViewId="0">
      <selection activeCell="E40" sqref="E36:E40"/>
    </sheetView>
  </sheetViews>
  <sheetFormatPr defaultRowHeight="15" x14ac:dyDescent="0.25"/>
  <cols>
    <col min="1" max="1" width="7.28515625" customWidth="1"/>
    <col min="2" max="2" width="10.5703125" customWidth="1"/>
    <col min="3" max="3" width="7.5703125" customWidth="1"/>
    <col min="4" max="4" width="10.5703125" customWidth="1"/>
    <col min="5" max="5" width="58.42578125" customWidth="1"/>
    <col min="6" max="6" width="51.140625" customWidth="1"/>
    <col min="7" max="8" width="4.85546875" customWidth="1"/>
    <col min="9" max="9" width="24" customWidth="1"/>
    <col min="10" max="10" width="60.85546875" customWidth="1"/>
    <col min="11" max="11" width="13.85546875" customWidth="1"/>
    <col min="12" max="12" width="10.7109375" customWidth="1"/>
    <col min="13" max="13" width="12.5703125" customWidth="1"/>
    <col min="14" max="14" width="11.85546875" customWidth="1"/>
    <col min="15" max="15" width="7.140625" customWidth="1"/>
    <col min="16" max="16" width="11" customWidth="1"/>
    <col min="17" max="17" width="9.42578125" customWidth="1"/>
    <col min="18" max="18" width="10" customWidth="1"/>
    <col min="19" max="19" width="12.5703125" customWidth="1"/>
    <col min="20" max="20" width="10.140625" customWidth="1"/>
    <col min="21" max="22" width="4.85546875" customWidth="1"/>
  </cols>
  <sheetData>
    <row r="1" spans="1:22" s="1" customFormat="1"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22</v>
      </c>
      <c r="B2" s="4" t="s">
        <v>23</v>
      </c>
      <c r="C2" s="3" t="s">
        <v>24</v>
      </c>
      <c r="D2" s="5" t="s">
        <v>25</v>
      </c>
      <c r="E2" s="3" t="s">
        <v>26</v>
      </c>
      <c r="F2" s="3" t="s">
        <v>27</v>
      </c>
      <c r="G2" s="3" t="s">
        <v>28</v>
      </c>
      <c r="H2" s="3" t="s">
        <v>29</v>
      </c>
      <c r="I2" s="3" t="s">
        <v>30</v>
      </c>
      <c r="J2" s="3" t="s">
        <v>31</v>
      </c>
      <c r="K2" s="3" t="s">
        <v>32</v>
      </c>
      <c r="L2" s="3" t="s">
        <v>33</v>
      </c>
      <c r="M2" s="3" t="s">
        <v>34</v>
      </c>
      <c r="N2" s="3" t="s">
        <v>35</v>
      </c>
      <c r="O2" s="3" t="s">
        <v>36</v>
      </c>
      <c r="P2" s="3" t="s">
        <v>37</v>
      </c>
      <c r="Q2" s="3" t="s">
        <v>37</v>
      </c>
      <c r="R2" s="3" t="s">
        <v>38</v>
      </c>
      <c r="S2" s="3" t="s">
        <v>39</v>
      </c>
      <c r="T2" s="3" t="s">
        <v>37</v>
      </c>
      <c r="U2" s="3" t="s">
        <v>37</v>
      </c>
      <c r="V2" s="3" t="s">
        <v>37</v>
      </c>
    </row>
    <row r="3" spans="1:22" x14ac:dyDescent="0.25">
      <c r="A3" s="3" t="s">
        <v>22</v>
      </c>
      <c r="B3" s="4" t="s">
        <v>23</v>
      </c>
      <c r="C3" s="3" t="s">
        <v>24</v>
      </c>
      <c r="D3" s="5" t="s">
        <v>40</v>
      </c>
      <c r="E3" s="3" t="s">
        <v>26</v>
      </c>
      <c r="F3" s="3" t="s">
        <v>41</v>
      </c>
      <c r="G3" s="3" t="s">
        <v>42</v>
      </c>
      <c r="H3" s="3" t="s">
        <v>29</v>
      </c>
      <c r="I3" s="3" t="s">
        <v>30</v>
      </c>
      <c r="J3" s="3" t="s">
        <v>43</v>
      </c>
      <c r="K3" s="3" t="s">
        <v>32</v>
      </c>
      <c r="L3" s="3" t="s">
        <v>33</v>
      </c>
      <c r="M3" s="3" t="s">
        <v>34</v>
      </c>
      <c r="N3" s="3" t="s">
        <v>35</v>
      </c>
      <c r="O3" s="3" t="s">
        <v>36</v>
      </c>
      <c r="P3" s="3" t="s">
        <v>37</v>
      </c>
      <c r="Q3" s="3" t="s">
        <v>37</v>
      </c>
      <c r="R3" s="3" t="s">
        <v>38</v>
      </c>
      <c r="S3" s="3" t="s">
        <v>44</v>
      </c>
      <c r="T3" s="3" t="s">
        <v>37</v>
      </c>
      <c r="U3" s="3" t="s">
        <v>37</v>
      </c>
      <c r="V3" s="3" t="s">
        <v>37</v>
      </c>
    </row>
    <row r="4" spans="1:22" x14ac:dyDescent="0.25">
      <c r="A4" s="3" t="s">
        <v>22</v>
      </c>
      <c r="B4" s="4" t="s">
        <v>23</v>
      </c>
      <c r="C4" s="3" t="s">
        <v>24</v>
      </c>
      <c r="D4" s="5" t="s">
        <v>45</v>
      </c>
      <c r="E4" s="3" t="s">
        <v>46</v>
      </c>
      <c r="F4" s="3" t="s">
        <v>47</v>
      </c>
      <c r="G4" s="3" t="s">
        <v>48</v>
      </c>
      <c r="H4" s="3" t="s">
        <v>29</v>
      </c>
      <c r="I4" s="3" t="s">
        <v>49</v>
      </c>
      <c r="J4" s="3" t="s">
        <v>50</v>
      </c>
      <c r="K4" s="3" t="s">
        <v>32</v>
      </c>
      <c r="L4" s="3" t="s">
        <v>33</v>
      </c>
      <c r="M4" s="3" t="s">
        <v>34</v>
      </c>
      <c r="N4" s="3" t="s">
        <v>51</v>
      </c>
      <c r="O4" s="3" t="s">
        <v>52</v>
      </c>
      <c r="P4" s="3" t="s">
        <v>53</v>
      </c>
      <c r="Q4" s="3" t="s">
        <v>37</v>
      </c>
      <c r="R4" s="3" t="s">
        <v>38</v>
      </c>
      <c r="S4" s="3" t="s">
        <v>54</v>
      </c>
      <c r="T4" s="3" t="s">
        <v>37</v>
      </c>
      <c r="U4" s="3" t="s">
        <v>37</v>
      </c>
      <c r="V4" s="3" t="s">
        <v>37</v>
      </c>
    </row>
    <row r="5" spans="1:22" x14ac:dyDescent="0.25">
      <c r="A5" s="3" t="s">
        <v>22</v>
      </c>
      <c r="B5" s="4" t="s">
        <v>23</v>
      </c>
      <c r="C5" s="3" t="s">
        <v>24</v>
      </c>
      <c r="D5" s="5" t="s">
        <v>55</v>
      </c>
      <c r="E5" s="3" t="s">
        <v>46</v>
      </c>
      <c r="F5" s="3" t="s">
        <v>56</v>
      </c>
      <c r="G5" s="3" t="s">
        <v>57</v>
      </c>
      <c r="H5" s="3" t="s">
        <v>29</v>
      </c>
      <c r="I5" s="3" t="s">
        <v>49</v>
      </c>
      <c r="J5" s="3" t="s">
        <v>58</v>
      </c>
      <c r="K5" s="3" t="s">
        <v>32</v>
      </c>
      <c r="L5" s="3" t="s">
        <v>33</v>
      </c>
      <c r="M5" s="3" t="s">
        <v>34</v>
      </c>
      <c r="N5" s="3" t="s">
        <v>51</v>
      </c>
      <c r="O5" s="3" t="s">
        <v>52</v>
      </c>
      <c r="P5" s="3" t="s">
        <v>53</v>
      </c>
      <c r="Q5" s="3" t="s">
        <v>37</v>
      </c>
      <c r="R5" s="3" t="s">
        <v>38</v>
      </c>
      <c r="S5" s="3" t="s">
        <v>59</v>
      </c>
      <c r="T5" s="3" t="s">
        <v>37</v>
      </c>
      <c r="U5" s="3" t="s">
        <v>37</v>
      </c>
      <c r="V5" s="3" t="s">
        <v>37</v>
      </c>
    </row>
    <row r="6" spans="1:22" x14ac:dyDescent="0.25">
      <c r="A6" s="3" t="s">
        <v>22</v>
      </c>
      <c r="B6" s="4" t="s">
        <v>23</v>
      </c>
      <c r="C6" s="3" t="s">
        <v>24</v>
      </c>
      <c r="D6" s="5" t="s">
        <v>60</v>
      </c>
      <c r="E6" s="3" t="s">
        <v>61</v>
      </c>
      <c r="F6" s="3" t="s">
        <v>62</v>
      </c>
      <c r="G6" s="3" t="s">
        <v>63</v>
      </c>
      <c r="H6" s="3" t="s">
        <v>64</v>
      </c>
      <c r="I6" s="3" t="s">
        <v>37</v>
      </c>
      <c r="J6" s="3" t="s">
        <v>65</v>
      </c>
      <c r="K6" s="3" t="s">
        <v>32</v>
      </c>
      <c r="L6" s="3" t="s">
        <v>33</v>
      </c>
      <c r="M6" s="3" t="s">
        <v>66</v>
      </c>
      <c r="N6" s="3" t="s">
        <v>67</v>
      </c>
      <c r="O6" s="3" t="s">
        <v>68</v>
      </c>
      <c r="P6" s="3" t="s">
        <v>53</v>
      </c>
      <c r="Q6" s="3" t="s">
        <v>37</v>
      </c>
      <c r="R6" s="3" t="s">
        <v>38</v>
      </c>
      <c r="S6" s="3" t="s">
        <v>69</v>
      </c>
      <c r="T6" s="3" t="s">
        <v>37</v>
      </c>
      <c r="U6" s="3" t="s">
        <v>37</v>
      </c>
      <c r="V6" s="3" t="s">
        <v>37</v>
      </c>
    </row>
    <row r="7" spans="1:22" x14ac:dyDescent="0.25">
      <c r="A7" s="3" t="s">
        <v>22</v>
      </c>
      <c r="B7" s="4" t="s">
        <v>23</v>
      </c>
      <c r="C7" s="3" t="s">
        <v>24</v>
      </c>
      <c r="D7" s="5" t="s">
        <v>74</v>
      </c>
      <c r="E7" s="3" t="s">
        <v>75</v>
      </c>
      <c r="F7" s="3" t="s">
        <v>76</v>
      </c>
      <c r="G7" s="3" t="s">
        <v>77</v>
      </c>
      <c r="H7" s="3" t="s">
        <v>78</v>
      </c>
      <c r="I7" s="3" t="s">
        <v>37</v>
      </c>
      <c r="J7" s="3" t="s">
        <v>79</v>
      </c>
      <c r="K7" s="3" t="s">
        <v>32</v>
      </c>
      <c r="L7" s="3" t="s">
        <v>33</v>
      </c>
      <c r="M7" s="3" t="s">
        <v>66</v>
      </c>
      <c r="N7" s="3" t="s">
        <v>80</v>
      </c>
      <c r="O7" s="3" t="s">
        <v>52</v>
      </c>
      <c r="P7" s="3" t="s">
        <v>53</v>
      </c>
      <c r="Q7" s="3" t="s">
        <v>37</v>
      </c>
      <c r="R7" s="3" t="s">
        <v>38</v>
      </c>
      <c r="S7" s="3" t="s">
        <v>81</v>
      </c>
      <c r="T7" s="3" t="s">
        <v>37</v>
      </c>
      <c r="U7" s="3" t="s">
        <v>37</v>
      </c>
      <c r="V7" s="3" t="s">
        <v>37</v>
      </c>
    </row>
    <row r="8" spans="1:22" x14ac:dyDescent="0.25">
      <c r="A8" s="3" t="s">
        <v>22</v>
      </c>
      <c r="B8" s="4" t="s">
        <v>23</v>
      </c>
      <c r="C8" s="3" t="s">
        <v>24</v>
      </c>
      <c r="D8" s="5" t="s">
        <v>82</v>
      </c>
      <c r="E8" s="3" t="s">
        <v>75</v>
      </c>
      <c r="F8" s="3" t="s">
        <v>83</v>
      </c>
      <c r="G8" s="3" t="s">
        <v>84</v>
      </c>
      <c r="H8" s="3" t="s">
        <v>78</v>
      </c>
      <c r="I8" s="3" t="s">
        <v>37</v>
      </c>
      <c r="J8" s="3" t="s">
        <v>85</v>
      </c>
      <c r="K8" s="3" t="s">
        <v>32</v>
      </c>
      <c r="L8" s="3" t="s">
        <v>33</v>
      </c>
      <c r="M8" s="3" t="s">
        <v>66</v>
      </c>
      <c r="N8" s="3" t="s">
        <v>80</v>
      </c>
      <c r="O8" s="3" t="s">
        <v>86</v>
      </c>
      <c r="P8" s="3" t="s">
        <v>53</v>
      </c>
      <c r="Q8" s="3" t="s">
        <v>37</v>
      </c>
      <c r="R8" s="3" t="s">
        <v>38</v>
      </c>
      <c r="S8" s="3" t="s">
        <v>87</v>
      </c>
      <c r="T8" s="3" t="s">
        <v>37</v>
      </c>
      <c r="U8" s="3" t="s">
        <v>37</v>
      </c>
      <c r="V8" s="3" t="s">
        <v>37</v>
      </c>
    </row>
    <row r="9" spans="1:22" x14ac:dyDescent="0.25">
      <c r="A9" s="3" t="s">
        <v>22</v>
      </c>
      <c r="B9" s="4" t="s">
        <v>23</v>
      </c>
      <c r="C9" s="3" t="s">
        <v>24</v>
      </c>
      <c r="D9" s="5" t="s">
        <v>88</v>
      </c>
      <c r="E9" s="3" t="s">
        <v>46</v>
      </c>
      <c r="F9" s="3" t="s">
        <v>89</v>
      </c>
      <c r="G9" s="3" t="s">
        <v>90</v>
      </c>
      <c r="H9" s="3" t="s">
        <v>64</v>
      </c>
      <c r="I9" s="3" t="s">
        <v>49</v>
      </c>
      <c r="J9" s="3" t="s">
        <v>91</v>
      </c>
      <c r="K9" s="3" t="s">
        <v>32</v>
      </c>
      <c r="L9" s="3" t="s">
        <v>33</v>
      </c>
      <c r="M9" s="3" t="s">
        <v>34</v>
      </c>
      <c r="N9" s="3" t="s">
        <v>35</v>
      </c>
      <c r="O9" s="3" t="s">
        <v>52</v>
      </c>
      <c r="P9" s="3" t="s">
        <v>53</v>
      </c>
      <c r="Q9" s="3" t="s">
        <v>73</v>
      </c>
      <c r="R9" s="3" t="s">
        <v>38</v>
      </c>
      <c r="S9" s="3" t="s">
        <v>92</v>
      </c>
      <c r="T9" s="3" t="s">
        <v>37</v>
      </c>
      <c r="U9" s="3" t="s">
        <v>37</v>
      </c>
      <c r="V9" s="3" t="s">
        <v>37</v>
      </c>
    </row>
    <row r="10" spans="1:22" x14ac:dyDescent="0.25">
      <c r="A10" s="3" t="s">
        <v>22</v>
      </c>
      <c r="B10" s="4" t="s">
        <v>23</v>
      </c>
      <c r="C10" s="3" t="s">
        <v>24</v>
      </c>
      <c r="D10" s="5" t="s">
        <v>93</v>
      </c>
      <c r="E10" s="3" t="s">
        <v>46</v>
      </c>
      <c r="F10" s="3" t="s">
        <v>94</v>
      </c>
      <c r="G10" s="3" t="s">
        <v>95</v>
      </c>
      <c r="H10" s="3" t="s">
        <v>64</v>
      </c>
      <c r="I10" s="3" t="s">
        <v>49</v>
      </c>
      <c r="J10" s="3" t="s">
        <v>96</v>
      </c>
      <c r="K10" s="3" t="s">
        <v>32</v>
      </c>
      <c r="L10" s="3" t="s">
        <v>33</v>
      </c>
      <c r="M10" s="3" t="s">
        <v>34</v>
      </c>
      <c r="N10" s="3" t="s">
        <v>35</v>
      </c>
      <c r="O10" s="3" t="s">
        <v>52</v>
      </c>
      <c r="P10" s="3" t="s">
        <v>53</v>
      </c>
      <c r="Q10" s="3" t="s">
        <v>73</v>
      </c>
      <c r="R10" s="3" t="s">
        <v>38</v>
      </c>
      <c r="S10" s="3" t="s">
        <v>97</v>
      </c>
      <c r="T10" s="3" t="s">
        <v>37</v>
      </c>
      <c r="U10" s="3" t="s">
        <v>37</v>
      </c>
      <c r="V10" s="3" t="s">
        <v>37</v>
      </c>
    </row>
    <row r="11" spans="1:22" x14ac:dyDescent="0.25">
      <c r="A11" s="3" t="s">
        <v>22</v>
      </c>
      <c r="B11" s="4" t="s">
        <v>23</v>
      </c>
      <c r="C11" s="3" t="s">
        <v>24</v>
      </c>
      <c r="D11" s="5" t="s">
        <v>98</v>
      </c>
      <c r="E11" s="3" t="s">
        <v>99</v>
      </c>
      <c r="F11" s="3" t="s">
        <v>37</v>
      </c>
      <c r="G11" s="3" t="s">
        <v>37</v>
      </c>
      <c r="H11" s="3" t="s">
        <v>37</v>
      </c>
      <c r="I11" s="3" t="s">
        <v>37</v>
      </c>
      <c r="J11" s="3" t="s">
        <v>100</v>
      </c>
      <c r="K11" s="3" t="s">
        <v>32</v>
      </c>
      <c r="L11" s="3" t="s">
        <v>101</v>
      </c>
      <c r="M11" s="3" t="s">
        <v>66</v>
      </c>
      <c r="N11" s="3" t="s">
        <v>80</v>
      </c>
      <c r="O11" s="3" t="s">
        <v>37</v>
      </c>
      <c r="P11" s="3" t="s">
        <v>37</v>
      </c>
      <c r="Q11" s="3" t="s">
        <v>37</v>
      </c>
      <c r="R11" s="3" t="s">
        <v>38</v>
      </c>
      <c r="S11" s="3" t="s">
        <v>102</v>
      </c>
      <c r="T11" s="3" t="s">
        <v>37</v>
      </c>
      <c r="U11" s="3" t="s">
        <v>37</v>
      </c>
      <c r="V11" s="3" t="s">
        <v>37</v>
      </c>
    </row>
    <row r="12" spans="1:22" x14ac:dyDescent="0.25">
      <c r="A12" s="3" t="s">
        <v>22</v>
      </c>
      <c r="B12" s="4" t="s">
        <v>23</v>
      </c>
      <c r="C12" s="3" t="s">
        <v>24</v>
      </c>
      <c r="D12" s="5" t="s">
        <v>103</v>
      </c>
      <c r="E12" s="3" t="s">
        <v>104</v>
      </c>
      <c r="F12" s="3" t="s">
        <v>105</v>
      </c>
      <c r="G12" s="3" t="s">
        <v>106</v>
      </c>
      <c r="H12" s="3" t="s">
        <v>64</v>
      </c>
      <c r="I12" s="3" t="s">
        <v>37</v>
      </c>
      <c r="J12" s="3" t="s">
        <v>107</v>
      </c>
      <c r="K12" s="3" t="s">
        <v>32</v>
      </c>
      <c r="L12" s="3" t="s">
        <v>101</v>
      </c>
      <c r="M12" s="3" t="s">
        <v>66</v>
      </c>
      <c r="N12" s="3" t="s">
        <v>67</v>
      </c>
      <c r="O12" s="3" t="s">
        <v>52</v>
      </c>
      <c r="P12" s="3" t="s">
        <v>37</v>
      </c>
      <c r="Q12" s="3" t="s">
        <v>37</v>
      </c>
      <c r="R12" s="3" t="s">
        <v>38</v>
      </c>
      <c r="S12" s="3" t="s">
        <v>108</v>
      </c>
      <c r="T12" s="3" t="s">
        <v>37</v>
      </c>
      <c r="U12" s="3" t="s">
        <v>37</v>
      </c>
      <c r="V12" s="3" t="s">
        <v>37</v>
      </c>
    </row>
    <row r="13" spans="1:22" x14ac:dyDescent="0.25">
      <c r="A13" s="3" t="s">
        <v>22</v>
      </c>
      <c r="B13" s="4" t="s">
        <v>23</v>
      </c>
      <c r="C13" s="3" t="s">
        <v>24</v>
      </c>
      <c r="D13" s="5" t="s">
        <v>109</v>
      </c>
      <c r="E13" s="3" t="s">
        <v>110</v>
      </c>
      <c r="F13" s="3" t="s">
        <v>111</v>
      </c>
      <c r="G13" s="3" t="s">
        <v>95</v>
      </c>
      <c r="H13" s="3" t="s">
        <v>64</v>
      </c>
      <c r="I13" s="3" t="s">
        <v>112</v>
      </c>
      <c r="J13" s="3" t="s">
        <v>113</v>
      </c>
      <c r="K13" s="3" t="s">
        <v>32</v>
      </c>
      <c r="L13" s="3" t="s">
        <v>33</v>
      </c>
      <c r="M13" s="3" t="s">
        <v>66</v>
      </c>
      <c r="N13" s="3" t="s">
        <v>67</v>
      </c>
      <c r="O13" s="3" t="s">
        <v>52</v>
      </c>
      <c r="P13" s="3" t="s">
        <v>37</v>
      </c>
      <c r="Q13" s="3" t="s">
        <v>37</v>
      </c>
      <c r="R13" s="3" t="s">
        <v>38</v>
      </c>
      <c r="S13" s="3" t="s">
        <v>114</v>
      </c>
      <c r="T13" s="3" t="s">
        <v>37</v>
      </c>
      <c r="U13" s="3" t="s">
        <v>37</v>
      </c>
      <c r="V13" s="3" t="s">
        <v>37</v>
      </c>
    </row>
    <row r="14" spans="1:22" x14ac:dyDescent="0.25">
      <c r="A14" s="3" t="s">
        <v>22</v>
      </c>
      <c r="B14" s="4" t="s">
        <v>23</v>
      </c>
      <c r="C14" s="3" t="s">
        <v>24</v>
      </c>
      <c r="D14" s="5" t="s">
        <v>115</v>
      </c>
      <c r="E14" s="3" t="s">
        <v>110</v>
      </c>
      <c r="F14" s="3" t="s">
        <v>116</v>
      </c>
      <c r="G14" s="3" t="s">
        <v>117</v>
      </c>
      <c r="H14" s="3" t="s">
        <v>64</v>
      </c>
      <c r="I14" s="3" t="s">
        <v>112</v>
      </c>
      <c r="J14" s="3" t="s">
        <v>118</v>
      </c>
      <c r="K14" s="3" t="s">
        <v>32</v>
      </c>
      <c r="L14" s="3" t="s">
        <v>33</v>
      </c>
      <c r="M14" s="3" t="s">
        <v>66</v>
      </c>
      <c r="N14" s="3" t="s">
        <v>67</v>
      </c>
      <c r="O14" s="3" t="s">
        <v>119</v>
      </c>
      <c r="P14" s="3" t="s">
        <v>37</v>
      </c>
      <c r="Q14" s="3" t="s">
        <v>37</v>
      </c>
      <c r="R14" s="3" t="s">
        <v>38</v>
      </c>
      <c r="S14" s="3" t="s">
        <v>120</v>
      </c>
      <c r="T14" s="3"/>
      <c r="U14" s="3" t="s">
        <v>37</v>
      </c>
      <c r="V14" s="3" t="s">
        <v>37</v>
      </c>
    </row>
    <row r="15" spans="1:22" x14ac:dyDescent="0.25">
      <c r="A15" s="3" t="s">
        <v>22</v>
      </c>
      <c r="B15" s="4" t="s">
        <v>23</v>
      </c>
      <c r="C15" s="3" t="s">
        <v>24</v>
      </c>
      <c r="D15" s="5" t="s">
        <v>122</v>
      </c>
      <c r="E15" s="3" t="s">
        <v>46</v>
      </c>
      <c r="F15" s="3" t="s">
        <v>123</v>
      </c>
      <c r="G15" s="3" t="s">
        <v>42</v>
      </c>
      <c r="H15" s="3" t="s">
        <v>29</v>
      </c>
      <c r="I15" s="3" t="s">
        <v>49</v>
      </c>
      <c r="J15" s="3" t="s">
        <v>124</v>
      </c>
      <c r="K15" s="3" t="s">
        <v>32</v>
      </c>
      <c r="L15" s="3" t="s">
        <v>33</v>
      </c>
      <c r="M15" s="3" t="s">
        <v>34</v>
      </c>
      <c r="N15" s="3" t="s">
        <v>51</v>
      </c>
      <c r="O15" s="3" t="s">
        <v>52</v>
      </c>
      <c r="P15" s="3" t="s">
        <v>53</v>
      </c>
      <c r="Q15" s="3" t="s">
        <v>37</v>
      </c>
      <c r="R15" s="3" t="s">
        <v>38</v>
      </c>
      <c r="S15" s="3" t="s">
        <v>125</v>
      </c>
      <c r="T15" s="3" t="s">
        <v>37</v>
      </c>
      <c r="U15" s="3" t="s">
        <v>37</v>
      </c>
      <c r="V15" s="3" t="s">
        <v>37</v>
      </c>
    </row>
    <row r="16" spans="1:22" x14ac:dyDescent="0.25">
      <c r="A16" s="3" t="s">
        <v>22</v>
      </c>
      <c r="B16" s="4" t="s">
        <v>23</v>
      </c>
      <c r="C16" s="3" t="s">
        <v>24</v>
      </c>
      <c r="D16" s="5" t="s">
        <v>126</v>
      </c>
      <c r="E16" s="3" t="s">
        <v>46</v>
      </c>
      <c r="F16" s="3" t="s">
        <v>127</v>
      </c>
      <c r="G16" s="3" t="s">
        <v>128</v>
      </c>
      <c r="H16" s="3" t="s">
        <v>29</v>
      </c>
      <c r="I16" s="3" t="s">
        <v>49</v>
      </c>
      <c r="J16" s="3" t="s">
        <v>129</v>
      </c>
      <c r="K16" s="3" t="s">
        <v>32</v>
      </c>
      <c r="L16" s="3" t="s">
        <v>33</v>
      </c>
      <c r="M16" s="3" t="s">
        <v>34</v>
      </c>
      <c r="N16" s="3" t="s">
        <v>51</v>
      </c>
      <c r="O16" s="3" t="s">
        <v>52</v>
      </c>
      <c r="P16" s="3" t="s">
        <v>53</v>
      </c>
      <c r="Q16" s="3" t="s">
        <v>37</v>
      </c>
      <c r="R16" s="3" t="s">
        <v>38</v>
      </c>
      <c r="S16" s="3" t="s">
        <v>130</v>
      </c>
      <c r="T16" s="3" t="s">
        <v>37</v>
      </c>
      <c r="U16" s="3" t="s">
        <v>37</v>
      </c>
      <c r="V16" s="3" t="s">
        <v>37</v>
      </c>
    </row>
    <row r="17" spans="1:22" x14ac:dyDescent="0.25">
      <c r="A17" s="3" t="s">
        <v>22</v>
      </c>
      <c r="B17" s="4" t="s">
        <v>23</v>
      </c>
      <c r="C17" s="3" t="s">
        <v>24</v>
      </c>
      <c r="D17" s="5" t="s">
        <v>131</v>
      </c>
      <c r="E17" s="3" t="s">
        <v>132</v>
      </c>
      <c r="F17" s="3" t="s">
        <v>133</v>
      </c>
      <c r="G17" s="3" t="s">
        <v>134</v>
      </c>
      <c r="H17" s="3" t="s">
        <v>64</v>
      </c>
      <c r="I17" s="3" t="s">
        <v>135</v>
      </c>
      <c r="J17" s="3" t="s">
        <v>136</v>
      </c>
      <c r="K17" s="3" t="s">
        <v>32</v>
      </c>
      <c r="L17" s="3" t="s">
        <v>33</v>
      </c>
      <c r="M17" s="3" t="s">
        <v>66</v>
      </c>
      <c r="N17" s="3" t="s">
        <v>137</v>
      </c>
      <c r="O17" s="3" t="s">
        <v>52</v>
      </c>
      <c r="P17" s="3" t="s">
        <v>53</v>
      </c>
      <c r="Q17" s="3" t="s">
        <v>37</v>
      </c>
      <c r="R17" s="3" t="s">
        <v>38</v>
      </c>
      <c r="S17" s="3" t="s">
        <v>138</v>
      </c>
      <c r="T17" s="3" t="s">
        <v>37</v>
      </c>
      <c r="U17" s="3" t="s">
        <v>37</v>
      </c>
      <c r="V17" s="3" t="s">
        <v>139</v>
      </c>
    </row>
    <row r="18" spans="1:22" x14ac:dyDescent="0.25">
      <c r="A18" s="3" t="s">
        <v>22</v>
      </c>
      <c r="B18" s="4" t="s">
        <v>23</v>
      </c>
      <c r="C18" s="3" t="s">
        <v>24</v>
      </c>
      <c r="D18" s="5" t="s">
        <v>140</v>
      </c>
      <c r="E18" s="3" t="s">
        <v>132</v>
      </c>
      <c r="F18" s="3" t="s">
        <v>141</v>
      </c>
      <c r="G18" s="3" t="s">
        <v>142</v>
      </c>
      <c r="H18" s="3" t="s">
        <v>64</v>
      </c>
      <c r="I18" s="3" t="s">
        <v>135</v>
      </c>
      <c r="J18" s="3" t="s">
        <v>143</v>
      </c>
      <c r="K18" s="3" t="s">
        <v>32</v>
      </c>
      <c r="L18" s="3" t="s">
        <v>33</v>
      </c>
      <c r="M18" s="3" t="s">
        <v>66</v>
      </c>
      <c r="N18" s="3" t="s">
        <v>137</v>
      </c>
      <c r="O18" s="3" t="s">
        <v>52</v>
      </c>
      <c r="P18" s="3" t="s">
        <v>37</v>
      </c>
      <c r="Q18" s="3" t="s">
        <v>37</v>
      </c>
      <c r="R18" s="3" t="s">
        <v>38</v>
      </c>
      <c r="S18" s="3" t="s">
        <v>144</v>
      </c>
      <c r="T18" s="3" t="s">
        <v>37</v>
      </c>
      <c r="U18" s="3" t="s">
        <v>37</v>
      </c>
      <c r="V18" s="3" t="s">
        <v>139</v>
      </c>
    </row>
    <row r="19" spans="1:22" x14ac:dyDescent="0.25">
      <c r="A19" s="3" t="s">
        <v>22</v>
      </c>
      <c r="B19" s="4" t="s">
        <v>23</v>
      </c>
      <c r="C19" s="3" t="s">
        <v>24</v>
      </c>
      <c r="D19" s="5" t="s">
        <v>146</v>
      </c>
      <c r="E19" s="3" t="s">
        <v>147</v>
      </c>
      <c r="F19" s="3" t="s">
        <v>148</v>
      </c>
      <c r="G19" s="3" t="s">
        <v>149</v>
      </c>
      <c r="H19" s="3" t="s">
        <v>64</v>
      </c>
      <c r="I19" s="3" t="s">
        <v>150</v>
      </c>
      <c r="J19" s="3" t="s">
        <v>151</v>
      </c>
      <c r="K19" s="3" t="s">
        <v>32</v>
      </c>
      <c r="L19" s="3" t="s">
        <v>33</v>
      </c>
      <c r="M19" s="3" t="s">
        <v>34</v>
      </c>
      <c r="N19" s="3" t="s">
        <v>137</v>
      </c>
      <c r="O19" s="3" t="s">
        <v>152</v>
      </c>
      <c r="P19" s="3" t="s">
        <v>37</v>
      </c>
      <c r="Q19" s="3" t="s">
        <v>37</v>
      </c>
      <c r="R19" s="3" t="s">
        <v>38</v>
      </c>
      <c r="S19" s="3" t="s">
        <v>153</v>
      </c>
      <c r="T19" s="3" t="s">
        <v>37</v>
      </c>
      <c r="U19" s="3" t="s">
        <v>37</v>
      </c>
      <c r="V19" s="3" t="s">
        <v>37</v>
      </c>
    </row>
    <row r="20" spans="1:22" x14ac:dyDescent="0.25">
      <c r="A20" s="3" t="s">
        <v>22</v>
      </c>
      <c r="B20" s="4" t="s">
        <v>23</v>
      </c>
      <c r="C20" s="3" t="s">
        <v>24</v>
      </c>
      <c r="D20" s="5" t="s">
        <v>154</v>
      </c>
      <c r="E20" s="3" t="s">
        <v>147</v>
      </c>
      <c r="F20" s="3" t="s">
        <v>155</v>
      </c>
      <c r="G20" s="3" t="s">
        <v>156</v>
      </c>
      <c r="H20" s="3" t="s">
        <v>64</v>
      </c>
      <c r="I20" s="3" t="s">
        <v>150</v>
      </c>
      <c r="J20" s="3" t="s">
        <v>157</v>
      </c>
      <c r="K20" s="3" t="s">
        <v>32</v>
      </c>
      <c r="L20" s="3" t="s">
        <v>33</v>
      </c>
      <c r="M20" s="3" t="s">
        <v>34</v>
      </c>
      <c r="N20" s="3" t="s">
        <v>137</v>
      </c>
      <c r="O20" s="3" t="s">
        <v>152</v>
      </c>
      <c r="P20" s="3" t="s">
        <v>37</v>
      </c>
      <c r="Q20" s="3" t="s">
        <v>37</v>
      </c>
      <c r="R20" s="3" t="s">
        <v>38</v>
      </c>
      <c r="S20" s="3" t="s">
        <v>158</v>
      </c>
      <c r="T20" s="3" t="s">
        <v>37</v>
      </c>
      <c r="U20" s="3" t="s">
        <v>37</v>
      </c>
      <c r="V20" s="3" t="s">
        <v>37</v>
      </c>
    </row>
    <row r="21" spans="1:22" x14ac:dyDescent="0.25">
      <c r="A21" s="3" t="s">
        <v>22</v>
      </c>
      <c r="B21" s="4" t="s">
        <v>23</v>
      </c>
      <c r="C21" s="3" t="s">
        <v>24</v>
      </c>
      <c r="D21" s="5" t="s">
        <v>159</v>
      </c>
      <c r="E21" s="3" t="s">
        <v>147</v>
      </c>
      <c r="F21" s="3" t="s">
        <v>160</v>
      </c>
      <c r="G21" s="3" t="s">
        <v>161</v>
      </c>
      <c r="H21" s="3" t="s">
        <v>64</v>
      </c>
      <c r="I21" s="3" t="s">
        <v>150</v>
      </c>
      <c r="J21" s="3" t="s">
        <v>162</v>
      </c>
      <c r="K21" s="3" t="s">
        <v>32</v>
      </c>
      <c r="L21" s="3" t="s">
        <v>33</v>
      </c>
      <c r="M21" s="3" t="s">
        <v>34</v>
      </c>
      <c r="N21" s="3" t="s">
        <v>137</v>
      </c>
      <c r="O21" s="3" t="s">
        <v>152</v>
      </c>
      <c r="P21" s="3" t="s">
        <v>37</v>
      </c>
      <c r="Q21" s="3" t="s">
        <v>37</v>
      </c>
      <c r="R21" s="3" t="s">
        <v>38</v>
      </c>
      <c r="S21" s="3" t="s">
        <v>163</v>
      </c>
      <c r="T21" s="3" t="s">
        <v>37</v>
      </c>
      <c r="U21" s="3" t="s">
        <v>37</v>
      </c>
      <c r="V21" s="3" t="s">
        <v>37</v>
      </c>
    </row>
    <row r="22" spans="1:22" x14ac:dyDescent="0.25">
      <c r="A22" s="3" t="s">
        <v>22</v>
      </c>
      <c r="B22" s="4" t="s">
        <v>23</v>
      </c>
      <c r="C22" s="3" t="s">
        <v>24</v>
      </c>
      <c r="D22" s="5" t="s">
        <v>164</v>
      </c>
      <c r="E22" s="3" t="s">
        <v>75</v>
      </c>
      <c r="F22" s="3" t="s">
        <v>165</v>
      </c>
      <c r="G22" s="3" t="s">
        <v>166</v>
      </c>
      <c r="H22" s="3" t="s">
        <v>29</v>
      </c>
      <c r="I22" s="3" t="s">
        <v>167</v>
      </c>
      <c r="J22" s="3" t="s">
        <v>168</v>
      </c>
      <c r="K22" s="3" t="s">
        <v>32</v>
      </c>
      <c r="L22" s="3" t="s">
        <v>33</v>
      </c>
      <c r="M22" s="3" t="s">
        <v>66</v>
      </c>
      <c r="N22" s="3" t="s">
        <v>137</v>
      </c>
      <c r="O22" s="3" t="s">
        <v>52</v>
      </c>
      <c r="P22" s="3" t="s">
        <v>53</v>
      </c>
      <c r="Q22" s="3" t="s">
        <v>37</v>
      </c>
      <c r="R22" s="3" t="s">
        <v>38</v>
      </c>
      <c r="S22" s="3" t="s">
        <v>169</v>
      </c>
      <c r="T22" s="3" t="s">
        <v>37</v>
      </c>
      <c r="U22" s="3" t="s">
        <v>37</v>
      </c>
      <c r="V22" s="3" t="s">
        <v>37</v>
      </c>
    </row>
    <row r="23" spans="1:22" x14ac:dyDescent="0.25">
      <c r="A23" s="3" t="s">
        <v>22</v>
      </c>
      <c r="B23" s="4" t="s">
        <v>23</v>
      </c>
      <c r="C23" s="3" t="s">
        <v>24</v>
      </c>
      <c r="D23" s="5" t="s">
        <v>170</v>
      </c>
      <c r="E23" s="3" t="s">
        <v>75</v>
      </c>
      <c r="F23" s="3" t="s">
        <v>171</v>
      </c>
      <c r="G23" s="3" t="s">
        <v>172</v>
      </c>
      <c r="H23" s="3" t="s">
        <v>29</v>
      </c>
      <c r="I23" s="3" t="s">
        <v>167</v>
      </c>
      <c r="J23" s="3" t="s">
        <v>173</v>
      </c>
      <c r="K23" s="3" t="s">
        <v>32</v>
      </c>
      <c r="L23" s="3" t="s">
        <v>33</v>
      </c>
      <c r="M23" s="3" t="s">
        <v>66</v>
      </c>
      <c r="N23" s="3" t="s">
        <v>137</v>
      </c>
      <c r="O23" s="3" t="s">
        <v>52</v>
      </c>
      <c r="P23" s="3" t="s">
        <v>37</v>
      </c>
      <c r="Q23" s="3" t="s">
        <v>37</v>
      </c>
      <c r="R23" s="3" t="s">
        <v>38</v>
      </c>
      <c r="S23" s="3" t="s">
        <v>174</v>
      </c>
      <c r="T23" s="3" t="s">
        <v>37</v>
      </c>
      <c r="U23" s="3" t="s">
        <v>37</v>
      </c>
      <c r="V23" s="3" t="s">
        <v>37</v>
      </c>
    </row>
    <row r="24" spans="1:22" x14ac:dyDescent="0.25">
      <c r="A24" s="3" t="s">
        <v>22</v>
      </c>
      <c r="B24" s="4" t="s">
        <v>23</v>
      </c>
      <c r="C24" s="3" t="s">
        <v>24</v>
      </c>
      <c r="D24" s="5" t="s">
        <v>175</v>
      </c>
      <c r="E24" s="3" t="s">
        <v>46</v>
      </c>
      <c r="F24" s="3" t="s">
        <v>176</v>
      </c>
      <c r="G24" s="3" t="s">
        <v>177</v>
      </c>
      <c r="H24" s="3" t="s">
        <v>64</v>
      </c>
      <c r="I24" s="3" t="s">
        <v>49</v>
      </c>
      <c r="J24" s="3" t="s">
        <v>178</v>
      </c>
      <c r="K24" s="3" t="s">
        <v>32</v>
      </c>
      <c r="L24" s="3" t="s">
        <v>33</v>
      </c>
      <c r="M24" s="3" t="s">
        <v>34</v>
      </c>
      <c r="N24" s="3" t="s">
        <v>35</v>
      </c>
      <c r="O24" s="3" t="s">
        <v>52</v>
      </c>
      <c r="P24" s="3" t="s">
        <v>53</v>
      </c>
      <c r="Q24" s="3" t="s">
        <v>73</v>
      </c>
      <c r="R24" s="3" t="s">
        <v>38</v>
      </c>
      <c r="S24" s="3" t="s">
        <v>179</v>
      </c>
      <c r="T24" s="3" t="s">
        <v>37</v>
      </c>
      <c r="U24" s="3" t="s">
        <v>37</v>
      </c>
      <c r="V24" s="3" t="s">
        <v>37</v>
      </c>
    </row>
    <row r="25" spans="1:22" x14ac:dyDescent="0.25">
      <c r="A25" s="3" t="s">
        <v>22</v>
      </c>
      <c r="B25" s="4" t="s">
        <v>23</v>
      </c>
      <c r="C25" s="3" t="s">
        <v>24</v>
      </c>
      <c r="D25" s="5" t="s">
        <v>180</v>
      </c>
      <c r="E25" s="3" t="s">
        <v>46</v>
      </c>
      <c r="F25" s="3" t="s">
        <v>181</v>
      </c>
      <c r="G25" s="3" t="s">
        <v>182</v>
      </c>
      <c r="H25" s="3" t="s">
        <v>64</v>
      </c>
      <c r="I25" s="3" t="s">
        <v>49</v>
      </c>
      <c r="J25" s="3" t="s">
        <v>183</v>
      </c>
      <c r="K25" s="3" t="s">
        <v>32</v>
      </c>
      <c r="L25" s="3" t="s">
        <v>33</v>
      </c>
      <c r="M25" s="3" t="s">
        <v>34</v>
      </c>
      <c r="N25" s="3" t="s">
        <v>35</v>
      </c>
      <c r="O25" s="3" t="s">
        <v>52</v>
      </c>
      <c r="P25" s="3" t="s">
        <v>37</v>
      </c>
      <c r="Q25" s="3" t="s">
        <v>37</v>
      </c>
      <c r="R25" s="3" t="s">
        <v>38</v>
      </c>
      <c r="S25" s="3" t="s">
        <v>184</v>
      </c>
      <c r="T25" s="3" t="s">
        <v>37</v>
      </c>
      <c r="U25" s="3" t="s">
        <v>37</v>
      </c>
      <c r="V25" s="3" t="s">
        <v>37</v>
      </c>
    </row>
    <row r="26" spans="1:22" x14ac:dyDescent="0.25">
      <c r="A26" s="3" t="s">
        <v>22</v>
      </c>
      <c r="B26" s="4" t="s">
        <v>23</v>
      </c>
      <c r="C26" s="3" t="s">
        <v>24</v>
      </c>
      <c r="D26" s="5" t="s">
        <v>185</v>
      </c>
      <c r="E26" s="3" t="s">
        <v>186</v>
      </c>
      <c r="F26" s="3" t="s">
        <v>187</v>
      </c>
      <c r="G26" s="3" t="s">
        <v>166</v>
      </c>
      <c r="H26" s="3" t="s">
        <v>29</v>
      </c>
      <c r="I26" s="3" t="s">
        <v>37</v>
      </c>
      <c r="J26" s="3" t="s">
        <v>188</v>
      </c>
      <c r="K26" s="3" t="s">
        <v>32</v>
      </c>
      <c r="L26" s="3" t="s">
        <v>101</v>
      </c>
      <c r="M26" s="3" t="s">
        <v>66</v>
      </c>
      <c r="N26" s="3" t="s">
        <v>80</v>
      </c>
      <c r="O26" s="3" t="s">
        <v>242</v>
      </c>
      <c r="P26" s="3" t="s">
        <v>53</v>
      </c>
      <c r="Q26" s="3" t="s">
        <v>37</v>
      </c>
      <c r="R26" s="3" t="s">
        <v>38</v>
      </c>
      <c r="S26" s="3" t="s">
        <v>189</v>
      </c>
      <c r="T26" s="3" t="s">
        <v>121</v>
      </c>
      <c r="U26" s="3" t="s">
        <v>37</v>
      </c>
      <c r="V26" s="3" t="s">
        <v>37</v>
      </c>
    </row>
    <row r="27" spans="1:22" x14ac:dyDescent="0.25">
      <c r="A27" s="3" t="s">
        <v>22</v>
      </c>
      <c r="B27" s="4" t="s">
        <v>23</v>
      </c>
      <c r="C27" s="3" t="s">
        <v>24</v>
      </c>
      <c r="D27" s="5" t="s">
        <v>190</v>
      </c>
      <c r="E27" s="3" t="s">
        <v>186</v>
      </c>
      <c r="F27" s="3" t="s">
        <v>191</v>
      </c>
      <c r="G27" s="3" t="s">
        <v>192</v>
      </c>
      <c r="H27" s="3" t="s">
        <v>29</v>
      </c>
      <c r="I27" s="3" t="s">
        <v>37</v>
      </c>
      <c r="J27" s="3" t="s">
        <v>193</v>
      </c>
      <c r="K27" s="3" t="s">
        <v>32</v>
      </c>
      <c r="L27" s="3" t="s">
        <v>101</v>
      </c>
      <c r="M27" s="3" t="s">
        <v>66</v>
      </c>
      <c r="N27" s="3" t="s">
        <v>80</v>
      </c>
      <c r="O27" s="3" t="s">
        <v>242</v>
      </c>
      <c r="P27" s="3" t="s">
        <v>53</v>
      </c>
      <c r="Q27" s="3" t="s">
        <v>37</v>
      </c>
      <c r="R27" s="3" t="s">
        <v>38</v>
      </c>
      <c r="S27" s="3" t="s">
        <v>194</v>
      </c>
      <c r="T27" s="3" t="s">
        <v>121</v>
      </c>
      <c r="U27" s="3" t="s">
        <v>37</v>
      </c>
      <c r="V27" s="3" t="s">
        <v>37</v>
      </c>
    </row>
    <row r="28" spans="1:22" x14ac:dyDescent="0.25">
      <c r="A28" s="3" t="s">
        <v>22</v>
      </c>
      <c r="B28" s="4" t="s">
        <v>23</v>
      </c>
      <c r="C28" s="3" t="s">
        <v>24</v>
      </c>
      <c r="D28" s="5" t="s">
        <v>195</v>
      </c>
      <c r="E28" s="3" t="s">
        <v>186</v>
      </c>
      <c r="F28" s="3" t="s">
        <v>196</v>
      </c>
      <c r="G28" s="3" t="s">
        <v>197</v>
      </c>
      <c r="H28" s="3" t="s">
        <v>29</v>
      </c>
      <c r="I28" s="3" t="s">
        <v>37</v>
      </c>
      <c r="J28" s="3" t="s">
        <v>198</v>
      </c>
      <c r="K28" s="3" t="s">
        <v>32</v>
      </c>
      <c r="L28" s="3" t="s">
        <v>101</v>
      </c>
      <c r="M28" s="3" t="s">
        <v>66</v>
      </c>
      <c r="N28" s="3" t="s">
        <v>80</v>
      </c>
      <c r="O28" s="3" t="s">
        <v>242</v>
      </c>
      <c r="P28" s="3" t="s">
        <v>37</v>
      </c>
      <c r="Q28" s="3" t="s">
        <v>37</v>
      </c>
      <c r="R28" s="3" t="s">
        <v>38</v>
      </c>
      <c r="S28" s="3" t="s">
        <v>199</v>
      </c>
      <c r="T28" s="3" t="s">
        <v>121</v>
      </c>
      <c r="U28" s="3" t="s">
        <v>37</v>
      </c>
      <c r="V28" s="3" t="s">
        <v>37</v>
      </c>
    </row>
    <row r="29" spans="1:22" x14ac:dyDescent="0.25">
      <c r="A29" s="3" t="s">
        <v>22</v>
      </c>
      <c r="B29" s="4" t="s">
        <v>23</v>
      </c>
      <c r="C29" s="3" t="s">
        <v>24</v>
      </c>
      <c r="D29" s="5" t="s">
        <v>200</v>
      </c>
      <c r="E29" s="3" t="s">
        <v>46</v>
      </c>
      <c r="F29" s="3" t="s">
        <v>201</v>
      </c>
      <c r="G29" s="3" t="s">
        <v>202</v>
      </c>
      <c r="H29" s="3" t="s">
        <v>29</v>
      </c>
      <c r="I29" s="3" t="s">
        <v>49</v>
      </c>
      <c r="J29" s="3" t="s">
        <v>203</v>
      </c>
      <c r="K29" s="3" t="s">
        <v>32</v>
      </c>
      <c r="L29" s="3" t="s">
        <v>33</v>
      </c>
      <c r="M29" s="3" t="s">
        <v>34</v>
      </c>
      <c r="N29" s="3" t="s">
        <v>51</v>
      </c>
      <c r="O29" s="3" t="s">
        <v>86</v>
      </c>
      <c r="P29" s="3" t="s">
        <v>53</v>
      </c>
      <c r="Q29" s="3" t="s">
        <v>37</v>
      </c>
      <c r="R29" s="3" t="s">
        <v>38</v>
      </c>
      <c r="S29" s="3" t="s">
        <v>204</v>
      </c>
      <c r="T29" s="3" t="s">
        <v>37</v>
      </c>
      <c r="U29" s="3" t="s">
        <v>37</v>
      </c>
      <c r="V29" s="3" t="s">
        <v>37</v>
      </c>
    </row>
    <row r="30" spans="1:22" x14ac:dyDescent="0.25">
      <c r="A30" s="3" t="s">
        <v>22</v>
      </c>
      <c r="B30" s="4" t="s">
        <v>23</v>
      </c>
      <c r="C30" s="3" t="s">
        <v>24</v>
      </c>
      <c r="D30" s="5" t="s">
        <v>205</v>
      </c>
      <c r="E30" s="3" t="s">
        <v>46</v>
      </c>
      <c r="F30" s="3" t="s">
        <v>206</v>
      </c>
      <c r="G30" s="3" t="s">
        <v>117</v>
      </c>
      <c r="H30" s="3" t="s">
        <v>29</v>
      </c>
      <c r="I30" s="3" t="s">
        <v>49</v>
      </c>
      <c r="J30" s="3" t="s">
        <v>207</v>
      </c>
      <c r="K30" s="3" t="s">
        <v>32</v>
      </c>
      <c r="L30" s="3" t="s">
        <v>33</v>
      </c>
      <c r="M30" s="3" t="s">
        <v>34</v>
      </c>
      <c r="N30" s="3" t="s">
        <v>51</v>
      </c>
      <c r="O30" s="3" t="s">
        <v>52</v>
      </c>
      <c r="P30" s="3" t="s">
        <v>53</v>
      </c>
      <c r="Q30" s="3" t="s">
        <v>37</v>
      </c>
      <c r="R30" s="3" t="s">
        <v>38</v>
      </c>
      <c r="S30" s="3" t="s">
        <v>208</v>
      </c>
      <c r="T30" s="3" t="s">
        <v>37</v>
      </c>
      <c r="U30" s="3" t="s">
        <v>37</v>
      </c>
      <c r="V30" s="3" t="s">
        <v>37</v>
      </c>
    </row>
    <row r="31" spans="1:22" x14ac:dyDescent="0.25">
      <c r="A31" s="3" t="s">
        <v>22</v>
      </c>
      <c r="B31" s="4" t="s">
        <v>23</v>
      </c>
      <c r="C31" s="3" t="s">
        <v>24</v>
      </c>
      <c r="D31" s="5" t="s">
        <v>209</v>
      </c>
      <c r="E31" s="3" t="s">
        <v>46</v>
      </c>
      <c r="F31" s="3" t="s">
        <v>210</v>
      </c>
      <c r="G31" s="3" t="s">
        <v>211</v>
      </c>
      <c r="H31" s="3" t="s">
        <v>78</v>
      </c>
      <c r="I31" s="3" t="s">
        <v>49</v>
      </c>
      <c r="J31" s="3" t="s">
        <v>212</v>
      </c>
      <c r="K31" s="3" t="s">
        <v>32</v>
      </c>
      <c r="L31" s="3" t="s">
        <v>33</v>
      </c>
      <c r="M31" s="3" t="s">
        <v>34</v>
      </c>
      <c r="N31" s="3" t="s">
        <v>67</v>
      </c>
      <c r="O31" s="3" t="s">
        <v>52</v>
      </c>
      <c r="P31" s="3" t="s">
        <v>53</v>
      </c>
      <c r="Q31" s="3" t="s">
        <v>37</v>
      </c>
      <c r="R31" s="3" t="s">
        <v>38</v>
      </c>
      <c r="S31" s="3" t="s">
        <v>213</v>
      </c>
      <c r="T31" s="3" t="s">
        <v>37</v>
      </c>
      <c r="U31" s="3" t="s">
        <v>37</v>
      </c>
      <c r="V31" s="3" t="s">
        <v>37</v>
      </c>
    </row>
    <row r="32" spans="1:22" x14ac:dyDescent="0.25">
      <c r="A32" s="3" t="s">
        <v>22</v>
      </c>
      <c r="B32" s="4" t="s">
        <v>23</v>
      </c>
      <c r="C32" s="3" t="s">
        <v>24</v>
      </c>
      <c r="D32" s="5" t="s">
        <v>214</v>
      </c>
      <c r="E32" s="3" t="s">
        <v>46</v>
      </c>
      <c r="F32" s="3" t="s">
        <v>215</v>
      </c>
      <c r="G32" s="3" t="s">
        <v>216</v>
      </c>
      <c r="H32" s="3" t="s">
        <v>78</v>
      </c>
      <c r="I32" s="3" t="s">
        <v>49</v>
      </c>
      <c r="J32" s="3" t="s">
        <v>217</v>
      </c>
      <c r="K32" s="3" t="s">
        <v>32</v>
      </c>
      <c r="L32" s="3" t="s">
        <v>33</v>
      </c>
      <c r="M32" s="3" t="s">
        <v>34</v>
      </c>
      <c r="N32" s="3" t="s">
        <v>67</v>
      </c>
      <c r="O32" s="3" t="s">
        <v>52</v>
      </c>
      <c r="P32" s="3" t="s">
        <v>53</v>
      </c>
      <c r="Q32" s="3" t="s">
        <v>37</v>
      </c>
      <c r="R32" s="3" t="s">
        <v>38</v>
      </c>
      <c r="S32" s="3" t="s">
        <v>218</v>
      </c>
      <c r="T32" s="3" t="s">
        <v>37</v>
      </c>
      <c r="U32" s="3" t="s">
        <v>37</v>
      </c>
      <c r="V32" s="3" t="s">
        <v>37</v>
      </c>
    </row>
    <row r="33" spans="1:22" x14ac:dyDescent="0.25">
      <c r="A33" s="3" t="s">
        <v>22</v>
      </c>
      <c r="B33" s="4" t="s">
        <v>23</v>
      </c>
      <c r="C33" s="3" t="s">
        <v>24</v>
      </c>
      <c r="D33" s="5" t="s">
        <v>219</v>
      </c>
      <c r="E33" s="3" t="s">
        <v>104</v>
      </c>
      <c r="F33" s="3" t="s">
        <v>220</v>
      </c>
      <c r="G33" s="3" t="s">
        <v>78</v>
      </c>
      <c r="H33" s="3" t="s">
        <v>64</v>
      </c>
      <c r="I33" s="3" t="s">
        <v>37</v>
      </c>
      <c r="J33" s="3" t="s">
        <v>221</v>
      </c>
      <c r="K33" s="3" t="s">
        <v>32</v>
      </c>
      <c r="L33" s="3" t="s">
        <v>101</v>
      </c>
      <c r="M33" s="3" t="s">
        <v>66</v>
      </c>
      <c r="N33" s="3" t="s">
        <v>67</v>
      </c>
      <c r="O33" s="3" t="s">
        <v>86</v>
      </c>
      <c r="P33" s="3" t="s">
        <v>53</v>
      </c>
      <c r="Q33" s="3" t="s">
        <v>37</v>
      </c>
      <c r="R33" s="3" t="s">
        <v>38</v>
      </c>
      <c r="S33" s="3" t="s">
        <v>222</v>
      </c>
      <c r="T33" s="3" t="s">
        <v>37</v>
      </c>
      <c r="U33" s="3" t="s">
        <v>37</v>
      </c>
      <c r="V33" s="3" t="s">
        <v>37</v>
      </c>
    </row>
    <row r="34" spans="1:22" x14ac:dyDescent="0.25">
      <c r="A34" s="3" t="s">
        <v>22</v>
      </c>
      <c r="B34" s="4" t="s">
        <v>23</v>
      </c>
      <c r="C34" s="3" t="s">
        <v>24</v>
      </c>
      <c r="D34" s="5" t="s">
        <v>223</v>
      </c>
      <c r="E34" s="3" t="s">
        <v>104</v>
      </c>
      <c r="F34" s="3" t="s">
        <v>224</v>
      </c>
      <c r="G34" s="3" t="s">
        <v>225</v>
      </c>
      <c r="H34" s="3" t="s">
        <v>64</v>
      </c>
      <c r="I34" s="3" t="s">
        <v>37</v>
      </c>
      <c r="J34" s="3" t="s">
        <v>226</v>
      </c>
      <c r="K34" s="3" t="s">
        <v>32</v>
      </c>
      <c r="L34" s="3" t="s">
        <v>101</v>
      </c>
      <c r="M34" s="3" t="s">
        <v>66</v>
      </c>
      <c r="N34" s="3" t="s">
        <v>67</v>
      </c>
      <c r="O34" s="3" t="s">
        <v>52</v>
      </c>
      <c r="P34" s="3" t="s">
        <v>53</v>
      </c>
      <c r="Q34" s="3" t="s">
        <v>37</v>
      </c>
      <c r="R34" s="3" t="s">
        <v>38</v>
      </c>
      <c r="S34" s="3" t="s">
        <v>227</v>
      </c>
      <c r="T34" s="3" t="s">
        <v>37</v>
      </c>
      <c r="U34" s="3" t="s">
        <v>37</v>
      </c>
      <c r="V34" s="3" t="s">
        <v>37</v>
      </c>
    </row>
    <row r="35" spans="1:22" x14ac:dyDescent="0.25">
      <c r="A35" s="3" t="s">
        <v>22</v>
      </c>
      <c r="B35" s="4" t="s">
        <v>23</v>
      </c>
      <c r="C35" s="3" t="s">
        <v>24</v>
      </c>
      <c r="D35" s="5" t="s">
        <v>228</v>
      </c>
      <c r="E35" s="3" t="s">
        <v>229</v>
      </c>
      <c r="F35" s="3" t="s">
        <v>230</v>
      </c>
      <c r="G35" s="3" t="s">
        <v>142</v>
      </c>
      <c r="H35" s="3" t="s">
        <v>29</v>
      </c>
      <c r="I35" s="3" t="s">
        <v>37</v>
      </c>
      <c r="J35" s="3" t="s">
        <v>231</v>
      </c>
      <c r="K35" s="3" t="s">
        <v>32</v>
      </c>
      <c r="L35" s="3" t="s">
        <v>101</v>
      </c>
      <c r="M35" s="3" t="s">
        <v>66</v>
      </c>
      <c r="N35" s="3" t="s">
        <v>80</v>
      </c>
      <c r="O35" s="3" t="s">
        <v>86</v>
      </c>
      <c r="P35" s="3" t="s">
        <v>53</v>
      </c>
      <c r="Q35" s="3" t="s">
        <v>37</v>
      </c>
      <c r="R35" s="3" t="s">
        <v>38</v>
      </c>
      <c r="S35" s="3" t="s">
        <v>232</v>
      </c>
      <c r="T35" s="3" t="s">
        <v>37</v>
      </c>
      <c r="U35" s="3" t="s">
        <v>37</v>
      </c>
      <c r="V35" s="3" t="s">
        <v>37</v>
      </c>
    </row>
    <row r="36" spans="1:22" x14ac:dyDescent="0.25">
      <c r="A36" s="3" t="s">
        <v>22</v>
      </c>
      <c r="B36" s="4" t="s">
        <v>23</v>
      </c>
      <c r="C36" s="3" t="s">
        <v>24</v>
      </c>
      <c r="D36" s="5" t="s">
        <v>233</v>
      </c>
      <c r="E36" s="3" t="s">
        <v>229</v>
      </c>
      <c r="F36" s="3" t="s">
        <v>234</v>
      </c>
      <c r="G36" s="3" t="s">
        <v>235</v>
      </c>
      <c r="H36" s="3" t="s">
        <v>29</v>
      </c>
      <c r="I36" s="3" t="s">
        <v>37</v>
      </c>
      <c r="J36" s="3" t="s">
        <v>236</v>
      </c>
      <c r="K36" s="3" t="s">
        <v>32</v>
      </c>
      <c r="L36" s="3" t="s">
        <v>101</v>
      </c>
      <c r="M36" s="3" t="s">
        <v>66</v>
      </c>
      <c r="N36" s="3" t="s">
        <v>80</v>
      </c>
      <c r="O36" s="3" t="s">
        <v>86</v>
      </c>
      <c r="P36" s="3" t="s">
        <v>53</v>
      </c>
      <c r="Q36" s="3" t="s">
        <v>37</v>
      </c>
      <c r="R36" s="3" t="s">
        <v>38</v>
      </c>
      <c r="S36" s="3" t="s">
        <v>237</v>
      </c>
      <c r="T36" s="3" t="s">
        <v>37</v>
      </c>
      <c r="U36" s="3" t="s">
        <v>37</v>
      </c>
      <c r="V36" s="3" t="s">
        <v>37</v>
      </c>
    </row>
    <row r="37" spans="1:22" x14ac:dyDescent="0.25">
      <c r="A37" s="3" t="s">
        <v>22</v>
      </c>
      <c r="B37" s="4" t="s">
        <v>23</v>
      </c>
      <c r="C37" s="3" t="s">
        <v>24</v>
      </c>
      <c r="D37" s="5" t="s">
        <v>238</v>
      </c>
      <c r="E37" s="3" t="s">
        <v>239</v>
      </c>
      <c r="F37" s="3" t="s">
        <v>240</v>
      </c>
      <c r="G37" s="3" t="s">
        <v>90</v>
      </c>
      <c r="H37" s="3" t="s">
        <v>64</v>
      </c>
      <c r="I37" s="3" t="s">
        <v>37</v>
      </c>
      <c r="J37" s="3" t="s">
        <v>241</v>
      </c>
      <c r="K37" s="3" t="s">
        <v>32</v>
      </c>
      <c r="L37" s="3" t="s">
        <v>101</v>
      </c>
      <c r="M37" s="3" t="s">
        <v>66</v>
      </c>
      <c r="N37" s="3" t="s">
        <v>80</v>
      </c>
      <c r="O37" s="3" t="s">
        <v>242</v>
      </c>
      <c r="P37" s="3" t="s">
        <v>53</v>
      </c>
      <c r="Q37" s="3" t="s">
        <v>37</v>
      </c>
      <c r="R37" s="3" t="s">
        <v>38</v>
      </c>
      <c r="S37" s="3" t="s">
        <v>243</v>
      </c>
      <c r="T37" s="3" t="s">
        <v>37</v>
      </c>
      <c r="U37" s="3" t="s">
        <v>37</v>
      </c>
      <c r="V37" s="3" t="s">
        <v>37</v>
      </c>
    </row>
    <row r="38" spans="1:22" x14ac:dyDescent="0.25">
      <c r="A38" s="3" t="s">
        <v>22</v>
      </c>
      <c r="B38" s="4" t="s">
        <v>23</v>
      </c>
      <c r="C38" s="3" t="s">
        <v>24</v>
      </c>
      <c r="D38" s="5" t="s">
        <v>244</v>
      </c>
      <c r="E38" s="3" t="s">
        <v>239</v>
      </c>
      <c r="F38" s="3" t="s">
        <v>245</v>
      </c>
      <c r="G38" s="3" t="s">
        <v>182</v>
      </c>
      <c r="H38" s="3" t="s">
        <v>64</v>
      </c>
      <c r="I38" s="3" t="s">
        <v>37</v>
      </c>
      <c r="J38" s="3" t="s">
        <v>246</v>
      </c>
      <c r="K38" s="3" t="s">
        <v>32</v>
      </c>
      <c r="L38" s="3" t="s">
        <v>101</v>
      </c>
      <c r="M38" s="3" t="s">
        <v>66</v>
      </c>
      <c r="N38" s="3" t="s">
        <v>80</v>
      </c>
      <c r="O38" s="3" t="s">
        <v>242</v>
      </c>
      <c r="P38" s="3" t="s">
        <v>37</v>
      </c>
      <c r="Q38" s="3" t="s">
        <v>37</v>
      </c>
      <c r="R38" s="3" t="s">
        <v>38</v>
      </c>
      <c r="S38" s="3" t="s">
        <v>247</v>
      </c>
      <c r="T38" s="3" t="s">
        <v>37</v>
      </c>
      <c r="U38" s="3" t="s">
        <v>37</v>
      </c>
      <c r="V38" s="3" t="s">
        <v>37</v>
      </c>
    </row>
    <row r="39" spans="1:22" x14ac:dyDescent="0.25">
      <c r="A39" s="3"/>
      <c r="B39" s="4"/>
      <c r="C39" s="3"/>
      <c r="D39" s="5"/>
      <c r="E39" s="6" t="s">
        <v>248</v>
      </c>
      <c r="F39" s="3"/>
      <c r="G39" s="3"/>
      <c r="H39" s="3"/>
      <c r="I39" s="3"/>
      <c r="J39" s="3"/>
      <c r="K39" s="3"/>
      <c r="L39" s="3"/>
      <c r="M39" s="3"/>
      <c r="N39" s="3"/>
      <c r="O39" s="3"/>
      <c r="P39" s="3"/>
      <c r="Q39" s="3"/>
      <c r="R39" s="3"/>
      <c r="S39" s="3"/>
      <c r="T39" s="3"/>
      <c r="U39" s="3"/>
      <c r="V39" s="3"/>
    </row>
    <row r="40" spans="1:22" x14ac:dyDescent="0.25">
      <c r="A40" s="3"/>
      <c r="B40" s="4"/>
      <c r="C40" s="3"/>
      <c r="D40" s="5"/>
      <c r="E40" s="6"/>
      <c r="F40" s="3"/>
      <c r="G40" s="3"/>
      <c r="H40" s="3"/>
      <c r="I40" s="3"/>
      <c r="J40" s="3"/>
      <c r="K40" s="3"/>
      <c r="L40" s="3"/>
      <c r="M40" s="3"/>
      <c r="N40" s="3"/>
      <c r="O40" s="3"/>
      <c r="P40" s="3"/>
      <c r="Q40" s="3"/>
      <c r="R40" s="3"/>
      <c r="S40" s="3"/>
      <c r="T40" s="3"/>
      <c r="U40" s="3"/>
      <c r="V40" s="3"/>
    </row>
    <row r="41" spans="1:22" x14ac:dyDescent="0.25">
      <c r="A41" s="3" t="s">
        <v>22</v>
      </c>
      <c r="B41" s="4" t="s">
        <v>249</v>
      </c>
      <c r="C41" s="3" t="s">
        <v>250</v>
      </c>
      <c r="D41" s="5" t="s">
        <v>25</v>
      </c>
      <c r="E41" s="3" t="s">
        <v>251</v>
      </c>
      <c r="F41" s="3" t="s">
        <v>252</v>
      </c>
      <c r="G41" s="3" t="s">
        <v>253</v>
      </c>
      <c r="H41" s="3" t="s">
        <v>29</v>
      </c>
      <c r="I41" s="3" t="s">
        <v>254</v>
      </c>
      <c r="J41" s="3" t="s">
        <v>255</v>
      </c>
      <c r="K41" s="3" t="s">
        <v>32</v>
      </c>
      <c r="L41" s="3" t="s">
        <v>33</v>
      </c>
      <c r="M41" s="3" t="s">
        <v>256</v>
      </c>
      <c r="N41" s="3" t="s">
        <v>67</v>
      </c>
      <c r="O41" s="3" t="s">
        <v>257</v>
      </c>
      <c r="P41" s="3" t="s">
        <v>37</v>
      </c>
      <c r="Q41" s="3" t="s">
        <v>37</v>
      </c>
      <c r="R41" s="3" t="s">
        <v>38</v>
      </c>
      <c r="S41" s="3" t="s">
        <v>258</v>
      </c>
      <c r="T41" s="3" t="s">
        <v>37</v>
      </c>
      <c r="U41" s="3" t="s">
        <v>37</v>
      </c>
      <c r="V41" s="3" t="s">
        <v>37</v>
      </c>
    </row>
    <row r="42" spans="1:22" x14ac:dyDescent="0.25">
      <c r="A42" s="3" t="s">
        <v>22</v>
      </c>
      <c r="B42" s="4" t="s">
        <v>249</v>
      </c>
      <c r="C42" s="3" t="s">
        <v>250</v>
      </c>
      <c r="D42" s="5" t="s">
        <v>259</v>
      </c>
      <c r="E42" s="3" t="s">
        <v>251</v>
      </c>
      <c r="F42" s="3" t="s">
        <v>260</v>
      </c>
      <c r="G42" s="3" t="s">
        <v>28</v>
      </c>
      <c r="H42" s="3" t="s">
        <v>29</v>
      </c>
      <c r="I42" s="3" t="s">
        <v>261</v>
      </c>
      <c r="J42" s="3" t="s">
        <v>262</v>
      </c>
      <c r="K42" s="3" t="s">
        <v>32</v>
      </c>
      <c r="L42" s="3" t="s">
        <v>33</v>
      </c>
      <c r="M42" s="3" t="s">
        <v>256</v>
      </c>
      <c r="N42" s="3" t="s">
        <v>67</v>
      </c>
      <c r="O42" s="3" t="s">
        <v>257</v>
      </c>
      <c r="P42" s="3" t="s">
        <v>37</v>
      </c>
      <c r="Q42" s="3" t="s">
        <v>37</v>
      </c>
      <c r="R42" s="3" t="s">
        <v>38</v>
      </c>
      <c r="S42" s="3" t="s">
        <v>263</v>
      </c>
      <c r="T42" s="3" t="s">
        <v>37</v>
      </c>
      <c r="U42" s="3" t="s">
        <v>37</v>
      </c>
      <c r="V42" s="3" t="s">
        <v>37</v>
      </c>
    </row>
    <row r="43" spans="1:22" x14ac:dyDescent="0.25">
      <c r="A43" s="3" t="s">
        <v>22</v>
      </c>
      <c r="B43" s="4" t="s">
        <v>249</v>
      </c>
      <c r="C43" s="3" t="s">
        <v>250</v>
      </c>
      <c r="D43" s="5" t="s">
        <v>40</v>
      </c>
      <c r="E43" s="3" t="s">
        <v>251</v>
      </c>
      <c r="F43" s="3" t="s">
        <v>264</v>
      </c>
      <c r="G43" s="3" t="s">
        <v>42</v>
      </c>
      <c r="H43" s="3" t="s">
        <v>29</v>
      </c>
      <c r="I43" s="3" t="s">
        <v>261</v>
      </c>
      <c r="J43" s="3" t="s">
        <v>265</v>
      </c>
      <c r="K43" s="3" t="s">
        <v>32</v>
      </c>
      <c r="L43" s="3" t="s">
        <v>33</v>
      </c>
      <c r="M43" s="3" t="s">
        <v>256</v>
      </c>
      <c r="N43" s="3" t="s">
        <v>67</v>
      </c>
      <c r="O43" s="3" t="s">
        <v>257</v>
      </c>
      <c r="P43" s="3" t="s">
        <v>37</v>
      </c>
      <c r="Q43" s="3" t="s">
        <v>37</v>
      </c>
      <c r="R43" s="3" t="s">
        <v>38</v>
      </c>
      <c r="S43" s="3" t="s">
        <v>266</v>
      </c>
      <c r="T43" s="3" t="s">
        <v>37</v>
      </c>
      <c r="U43" s="3" t="s">
        <v>37</v>
      </c>
      <c r="V43" s="3" t="s">
        <v>37</v>
      </c>
    </row>
    <row r="44" spans="1:22" x14ac:dyDescent="0.25">
      <c r="A44" s="3" t="s">
        <v>22</v>
      </c>
      <c r="B44" s="4" t="s">
        <v>249</v>
      </c>
      <c r="C44" s="3" t="s">
        <v>250</v>
      </c>
      <c r="D44" s="5" t="s">
        <v>267</v>
      </c>
      <c r="E44" s="3" t="s">
        <v>251</v>
      </c>
      <c r="F44" s="3" t="s">
        <v>268</v>
      </c>
      <c r="G44" s="3" t="s">
        <v>128</v>
      </c>
      <c r="H44" s="3" t="s">
        <v>29</v>
      </c>
      <c r="I44" s="3" t="s">
        <v>261</v>
      </c>
      <c r="J44" s="3" t="s">
        <v>269</v>
      </c>
      <c r="K44" s="3" t="s">
        <v>32</v>
      </c>
      <c r="L44" s="3" t="s">
        <v>33</v>
      </c>
      <c r="M44" s="3" t="s">
        <v>256</v>
      </c>
      <c r="N44" s="3" t="s">
        <v>67</v>
      </c>
      <c r="O44" s="3" t="s">
        <v>257</v>
      </c>
      <c r="P44" s="3" t="s">
        <v>37</v>
      </c>
      <c r="Q44" s="3" t="s">
        <v>37</v>
      </c>
      <c r="R44" s="3" t="s">
        <v>38</v>
      </c>
      <c r="S44" s="3" t="s">
        <v>270</v>
      </c>
      <c r="T44" s="3" t="s">
        <v>37</v>
      </c>
      <c r="U44" s="3" t="s">
        <v>37</v>
      </c>
      <c r="V44" s="3" t="s">
        <v>37</v>
      </c>
    </row>
    <row r="45" spans="1:22" x14ac:dyDescent="0.25">
      <c r="A45" s="3" t="s">
        <v>22</v>
      </c>
      <c r="B45" s="4" t="s">
        <v>249</v>
      </c>
      <c r="C45" s="3" t="s">
        <v>250</v>
      </c>
      <c r="D45" s="5" t="s">
        <v>45</v>
      </c>
      <c r="E45" s="3" t="s">
        <v>46</v>
      </c>
      <c r="F45" s="3" t="s">
        <v>271</v>
      </c>
      <c r="G45" s="3" t="s">
        <v>272</v>
      </c>
      <c r="H45" s="3" t="s">
        <v>29</v>
      </c>
      <c r="I45" s="3" t="s">
        <v>49</v>
      </c>
      <c r="J45" s="3" t="s">
        <v>273</v>
      </c>
      <c r="K45" s="3" t="s">
        <v>32</v>
      </c>
      <c r="L45" s="3" t="s">
        <v>33</v>
      </c>
      <c r="M45" s="3" t="s">
        <v>34</v>
      </c>
      <c r="N45" s="3" t="s">
        <v>51</v>
      </c>
      <c r="O45" s="3" t="s">
        <v>52</v>
      </c>
      <c r="P45" s="3" t="s">
        <v>37</v>
      </c>
      <c r="Q45" s="3" t="s">
        <v>37</v>
      </c>
      <c r="R45" s="3" t="s">
        <v>38</v>
      </c>
      <c r="S45" s="3" t="s">
        <v>274</v>
      </c>
      <c r="T45" s="3" t="s">
        <v>37</v>
      </c>
      <c r="U45" s="3" t="s">
        <v>37</v>
      </c>
      <c r="V45" s="3" t="s">
        <v>37</v>
      </c>
    </row>
    <row r="46" spans="1:22" x14ac:dyDescent="0.25">
      <c r="A46" s="3" t="s">
        <v>22</v>
      </c>
      <c r="B46" s="4" t="s">
        <v>249</v>
      </c>
      <c r="C46" s="3" t="s">
        <v>250</v>
      </c>
      <c r="D46" s="5" t="s">
        <v>55</v>
      </c>
      <c r="E46" s="3" t="s">
        <v>46</v>
      </c>
      <c r="F46" s="3" t="s">
        <v>275</v>
      </c>
      <c r="G46" s="3" t="s">
        <v>166</v>
      </c>
      <c r="H46" s="3" t="s">
        <v>29</v>
      </c>
      <c r="I46" s="3" t="s">
        <v>49</v>
      </c>
      <c r="J46" s="3" t="s">
        <v>276</v>
      </c>
      <c r="K46" s="3" t="s">
        <v>32</v>
      </c>
      <c r="L46" s="3" t="s">
        <v>33</v>
      </c>
      <c r="M46" s="3" t="s">
        <v>34</v>
      </c>
      <c r="N46" s="3" t="s">
        <v>51</v>
      </c>
      <c r="O46" s="3" t="s">
        <v>52</v>
      </c>
      <c r="P46" s="3" t="s">
        <v>53</v>
      </c>
      <c r="Q46" s="3" t="s">
        <v>37</v>
      </c>
      <c r="R46" s="3" t="s">
        <v>38</v>
      </c>
      <c r="S46" s="3" t="s">
        <v>277</v>
      </c>
      <c r="T46" s="3" t="s">
        <v>37</v>
      </c>
      <c r="U46" s="3" t="s">
        <v>37</v>
      </c>
      <c r="V46" s="3" t="s">
        <v>37</v>
      </c>
    </row>
    <row r="47" spans="1:22" x14ac:dyDescent="0.25">
      <c r="A47" s="3" t="s">
        <v>22</v>
      </c>
      <c r="B47" s="4" t="s">
        <v>249</v>
      </c>
      <c r="C47" s="3" t="s">
        <v>250</v>
      </c>
      <c r="D47" s="5" t="s">
        <v>60</v>
      </c>
      <c r="E47" s="3" t="s">
        <v>61</v>
      </c>
      <c r="F47" s="3" t="s">
        <v>278</v>
      </c>
      <c r="G47" s="3" t="s">
        <v>78</v>
      </c>
      <c r="H47" s="3" t="s">
        <v>64</v>
      </c>
      <c r="I47" s="3" t="s">
        <v>37</v>
      </c>
      <c r="J47" s="3" t="s">
        <v>279</v>
      </c>
      <c r="K47" s="3" t="s">
        <v>32</v>
      </c>
      <c r="L47" s="3" t="s">
        <v>33</v>
      </c>
      <c r="M47" s="3" t="s">
        <v>66</v>
      </c>
      <c r="N47" s="3" t="s">
        <v>67</v>
      </c>
      <c r="O47" s="3" t="s">
        <v>52</v>
      </c>
      <c r="P47" s="3" t="s">
        <v>53</v>
      </c>
      <c r="Q47" s="3" t="s">
        <v>37</v>
      </c>
      <c r="R47" s="3" t="s">
        <v>38</v>
      </c>
      <c r="S47" s="3" t="s">
        <v>280</v>
      </c>
      <c r="T47" s="3" t="s">
        <v>37</v>
      </c>
      <c r="U47" s="3" t="s">
        <v>37</v>
      </c>
      <c r="V47" s="3" t="s">
        <v>37</v>
      </c>
    </row>
    <row r="48" spans="1:22" x14ac:dyDescent="0.25">
      <c r="A48" s="3" t="s">
        <v>22</v>
      </c>
      <c r="B48" s="4" t="s">
        <v>249</v>
      </c>
      <c r="C48" s="3" t="s">
        <v>250</v>
      </c>
      <c r="D48" s="5" t="s">
        <v>74</v>
      </c>
      <c r="E48" s="3" t="s">
        <v>75</v>
      </c>
      <c r="F48" s="3" t="s">
        <v>281</v>
      </c>
      <c r="G48" s="3" t="s">
        <v>106</v>
      </c>
      <c r="H48" s="3" t="s">
        <v>64</v>
      </c>
      <c r="I48" s="3" t="s">
        <v>282</v>
      </c>
      <c r="J48" s="3" t="s">
        <v>283</v>
      </c>
      <c r="K48" s="3" t="s">
        <v>32</v>
      </c>
      <c r="L48" s="3" t="s">
        <v>33</v>
      </c>
      <c r="M48" s="3" t="s">
        <v>66</v>
      </c>
      <c r="N48" s="3" t="s">
        <v>51</v>
      </c>
      <c r="O48" s="3" t="s">
        <v>52</v>
      </c>
      <c r="P48" s="3" t="s">
        <v>37</v>
      </c>
      <c r="Q48" s="3" t="s">
        <v>37</v>
      </c>
      <c r="R48" s="3" t="s">
        <v>38</v>
      </c>
      <c r="S48" s="3" t="s">
        <v>284</v>
      </c>
      <c r="T48" s="3" t="s">
        <v>37</v>
      </c>
      <c r="U48" s="3" t="s">
        <v>37</v>
      </c>
      <c r="V48" s="3" t="s">
        <v>37</v>
      </c>
    </row>
    <row r="49" spans="1:22" x14ac:dyDescent="0.25">
      <c r="A49" s="3" t="s">
        <v>22</v>
      </c>
      <c r="B49" s="4" t="s">
        <v>249</v>
      </c>
      <c r="C49" s="3" t="s">
        <v>250</v>
      </c>
      <c r="D49" s="5" t="s">
        <v>82</v>
      </c>
      <c r="E49" s="3" t="s">
        <v>75</v>
      </c>
      <c r="F49" s="3" t="s">
        <v>285</v>
      </c>
      <c r="G49" s="3" t="s">
        <v>286</v>
      </c>
      <c r="H49" s="3" t="s">
        <v>64</v>
      </c>
      <c r="I49" s="3" t="s">
        <v>282</v>
      </c>
      <c r="J49" s="3" t="s">
        <v>287</v>
      </c>
      <c r="K49" s="3" t="s">
        <v>32</v>
      </c>
      <c r="L49" s="3" t="s">
        <v>33</v>
      </c>
      <c r="M49" s="3" t="s">
        <v>66</v>
      </c>
      <c r="N49" s="3" t="s">
        <v>51</v>
      </c>
      <c r="O49" s="3" t="s">
        <v>52</v>
      </c>
      <c r="P49" s="3" t="s">
        <v>37</v>
      </c>
      <c r="Q49" s="3" t="s">
        <v>37</v>
      </c>
      <c r="R49" s="3" t="s">
        <v>38</v>
      </c>
      <c r="S49" s="3" t="s">
        <v>288</v>
      </c>
      <c r="T49" s="3" t="s">
        <v>37</v>
      </c>
      <c r="U49" s="3" t="s">
        <v>37</v>
      </c>
      <c r="V49" s="3" t="s">
        <v>37</v>
      </c>
    </row>
    <row r="50" spans="1:22" x14ac:dyDescent="0.25">
      <c r="A50" s="3" t="s">
        <v>22</v>
      </c>
      <c r="B50" s="4" t="s">
        <v>249</v>
      </c>
      <c r="C50" s="3" t="s">
        <v>250</v>
      </c>
      <c r="D50" s="5" t="s">
        <v>289</v>
      </c>
      <c r="E50" s="3" t="s">
        <v>75</v>
      </c>
      <c r="F50" s="3" t="s">
        <v>290</v>
      </c>
      <c r="G50" s="3" t="s">
        <v>291</v>
      </c>
      <c r="H50" s="3" t="s">
        <v>64</v>
      </c>
      <c r="I50" s="3" t="s">
        <v>282</v>
      </c>
      <c r="J50" s="3" t="s">
        <v>292</v>
      </c>
      <c r="K50" s="3" t="s">
        <v>32</v>
      </c>
      <c r="L50" s="3" t="s">
        <v>33</v>
      </c>
      <c r="M50" s="3" t="s">
        <v>66</v>
      </c>
      <c r="N50" s="3" t="s">
        <v>51</v>
      </c>
      <c r="O50" s="3" t="s">
        <v>52</v>
      </c>
      <c r="P50" s="3" t="s">
        <v>37</v>
      </c>
      <c r="Q50" s="3" t="s">
        <v>37</v>
      </c>
      <c r="R50" s="3" t="s">
        <v>38</v>
      </c>
      <c r="S50" s="3" t="s">
        <v>293</v>
      </c>
      <c r="T50" s="3" t="s">
        <v>37</v>
      </c>
      <c r="U50" s="3" t="s">
        <v>37</v>
      </c>
      <c r="V50" s="3" t="s">
        <v>37</v>
      </c>
    </row>
    <row r="51" spans="1:22" x14ac:dyDescent="0.25">
      <c r="A51" s="3" t="s">
        <v>22</v>
      </c>
      <c r="B51" s="4" t="s">
        <v>249</v>
      </c>
      <c r="C51" s="3" t="s">
        <v>250</v>
      </c>
      <c r="D51" s="5" t="s">
        <v>294</v>
      </c>
      <c r="E51" s="3" t="s">
        <v>75</v>
      </c>
      <c r="F51" s="3" t="s">
        <v>295</v>
      </c>
      <c r="G51" s="3" t="s">
        <v>63</v>
      </c>
      <c r="H51" s="3" t="s">
        <v>64</v>
      </c>
      <c r="I51" s="3" t="s">
        <v>282</v>
      </c>
      <c r="J51" s="3" t="s">
        <v>296</v>
      </c>
      <c r="K51" s="3" t="s">
        <v>32</v>
      </c>
      <c r="L51" s="3" t="s">
        <v>33</v>
      </c>
      <c r="M51" s="3" t="s">
        <v>66</v>
      </c>
      <c r="N51" s="3" t="s">
        <v>51</v>
      </c>
      <c r="O51" s="3" t="s">
        <v>52</v>
      </c>
      <c r="P51" s="3" t="s">
        <v>37</v>
      </c>
      <c r="Q51" s="3" t="s">
        <v>37</v>
      </c>
      <c r="R51" s="3" t="s">
        <v>38</v>
      </c>
      <c r="S51" s="3" t="s">
        <v>297</v>
      </c>
      <c r="T51" s="3" t="s">
        <v>37</v>
      </c>
      <c r="U51" s="3" t="s">
        <v>37</v>
      </c>
      <c r="V51" s="3" t="s">
        <v>37</v>
      </c>
    </row>
    <row r="52" spans="1:22" x14ac:dyDescent="0.25">
      <c r="A52" s="3" t="s">
        <v>22</v>
      </c>
      <c r="B52" s="4" t="s">
        <v>249</v>
      </c>
      <c r="C52" s="3" t="s">
        <v>250</v>
      </c>
      <c r="D52" s="5" t="s">
        <v>98</v>
      </c>
      <c r="E52" s="3" t="s">
        <v>46</v>
      </c>
      <c r="F52" s="3" t="s">
        <v>298</v>
      </c>
      <c r="G52" s="3" t="s">
        <v>299</v>
      </c>
      <c r="H52" s="3" t="s">
        <v>78</v>
      </c>
      <c r="I52" s="3" t="s">
        <v>49</v>
      </c>
      <c r="J52" s="3" t="s">
        <v>300</v>
      </c>
      <c r="K52" s="3" t="s">
        <v>32</v>
      </c>
      <c r="L52" s="3" t="s">
        <v>33</v>
      </c>
      <c r="M52" s="3" t="s">
        <v>34</v>
      </c>
      <c r="N52" s="3" t="s">
        <v>67</v>
      </c>
      <c r="O52" s="3" t="s">
        <v>52</v>
      </c>
      <c r="P52" s="3" t="s">
        <v>53</v>
      </c>
      <c r="Q52" s="3" t="s">
        <v>37</v>
      </c>
      <c r="R52" s="3" t="s">
        <v>38</v>
      </c>
      <c r="S52" s="3" t="s">
        <v>301</v>
      </c>
      <c r="T52" s="3" t="s">
        <v>37</v>
      </c>
      <c r="U52" s="3" t="s">
        <v>37</v>
      </c>
      <c r="V52" s="3" t="s">
        <v>37</v>
      </c>
    </row>
    <row r="53" spans="1:22" x14ac:dyDescent="0.25">
      <c r="A53" s="3" t="s">
        <v>22</v>
      </c>
      <c r="B53" s="4" t="s">
        <v>249</v>
      </c>
      <c r="C53" s="3" t="s">
        <v>250</v>
      </c>
      <c r="D53" s="5" t="s">
        <v>302</v>
      </c>
      <c r="E53" s="3" t="s">
        <v>46</v>
      </c>
      <c r="F53" s="3" t="s">
        <v>303</v>
      </c>
      <c r="G53" s="3" t="s">
        <v>172</v>
      </c>
      <c r="H53" s="3" t="s">
        <v>29</v>
      </c>
      <c r="I53" s="3" t="s">
        <v>49</v>
      </c>
      <c r="J53" s="3" t="s">
        <v>304</v>
      </c>
      <c r="K53" s="3" t="s">
        <v>32</v>
      </c>
      <c r="L53" s="3" t="s">
        <v>33</v>
      </c>
      <c r="M53" s="3" t="s">
        <v>34</v>
      </c>
      <c r="N53" s="3" t="s">
        <v>51</v>
      </c>
      <c r="O53" s="3" t="s">
        <v>52</v>
      </c>
      <c r="P53" s="3" t="s">
        <v>53</v>
      </c>
      <c r="Q53" s="3" t="s">
        <v>37</v>
      </c>
      <c r="R53" s="3" t="s">
        <v>38</v>
      </c>
      <c r="S53" s="3" t="s">
        <v>305</v>
      </c>
      <c r="T53" s="3" t="s">
        <v>37</v>
      </c>
      <c r="U53" s="3" t="s">
        <v>37</v>
      </c>
      <c r="V53" s="3" t="s">
        <v>37</v>
      </c>
    </row>
    <row r="54" spans="1:22" x14ac:dyDescent="0.25">
      <c r="A54" s="3" t="s">
        <v>22</v>
      </c>
      <c r="B54" s="4" t="s">
        <v>249</v>
      </c>
      <c r="C54" s="3" t="s">
        <v>250</v>
      </c>
      <c r="D54" s="5" t="s">
        <v>306</v>
      </c>
      <c r="E54" s="3" t="s">
        <v>46</v>
      </c>
      <c r="F54" s="3" t="s">
        <v>307</v>
      </c>
      <c r="G54" s="3" t="s">
        <v>192</v>
      </c>
      <c r="H54" s="3" t="s">
        <v>29</v>
      </c>
      <c r="I54" s="3" t="s">
        <v>49</v>
      </c>
      <c r="J54" s="3" t="s">
        <v>308</v>
      </c>
      <c r="K54" s="3" t="s">
        <v>32</v>
      </c>
      <c r="L54" s="3" t="s">
        <v>33</v>
      </c>
      <c r="M54" s="3" t="s">
        <v>34</v>
      </c>
      <c r="N54" s="3" t="s">
        <v>51</v>
      </c>
      <c r="O54" s="3" t="s">
        <v>52</v>
      </c>
      <c r="P54" s="3" t="s">
        <v>53</v>
      </c>
      <c r="Q54" s="3" t="s">
        <v>37</v>
      </c>
      <c r="R54" s="3" t="s">
        <v>38</v>
      </c>
      <c r="S54" s="3" t="s">
        <v>309</v>
      </c>
      <c r="T54" s="3" t="s">
        <v>37</v>
      </c>
      <c r="U54" s="3" t="s">
        <v>37</v>
      </c>
      <c r="V54" s="3" t="s">
        <v>37</v>
      </c>
    </row>
    <row r="55" spans="1:22" x14ac:dyDescent="0.25">
      <c r="A55" s="3" t="s">
        <v>22</v>
      </c>
      <c r="B55" s="4" t="s">
        <v>249</v>
      </c>
      <c r="C55" s="3" t="s">
        <v>250</v>
      </c>
      <c r="D55" s="5" t="s">
        <v>103</v>
      </c>
      <c r="E55" s="3" t="s">
        <v>104</v>
      </c>
      <c r="F55" s="3" t="s">
        <v>310</v>
      </c>
      <c r="G55" s="3" t="s">
        <v>286</v>
      </c>
      <c r="H55" s="3" t="s">
        <v>64</v>
      </c>
      <c r="I55" s="3" t="s">
        <v>37</v>
      </c>
      <c r="J55" s="3" t="s">
        <v>311</v>
      </c>
      <c r="K55" s="3" t="s">
        <v>32</v>
      </c>
      <c r="L55" s="3" t="s">
        <v>101</v>
      </c>
      <c r="M55" s="3" t="s">
        <v>66</v>
      </c>
      <c r="N55" s="3" t="s">
        <v>67</v>
      </c>
      <c r="O55" s="3" t="s">
        <v>86</v>
      </c>
      <c r="P55" s="3" t="s">
        <v>53</v>
      </c>
      <c r="Q55" s="3" t="s">
        <v>37</v>
      </c>
      <c r="R55" s="3" t="s">
        <v>38</v>
      </c>
      <c r="S55" s="3" t="s">
        <v>312</v>
      </c>
      <c r="T55" s="3" t="s">
        <v>37</v>
      </c>
      <c r="U55" s="3" t="s">
        <v>37</v>
      </c>
      <c r="V55" s="3" t="s">
        <v>37</v>
      </c>
    </row>
    <row r="56" spans="1:22" x14ac:dyDescent="0.25">
      <c r="A56" s="3" t="s">
        <v>22</v>
      </c>
      <c r="B56" s="4" t="s">
        <v>249</v>
      </c>
      <c r="C56" s="3" t="s">
        <v>250</v>
      </c>
      <c r="D56" s="5" t="s">
        <v>109</v>
      </c>
      <c r="E56" s="3" t="s">
        <v>110</v>
      </c>
      <c r="F56" s="3" t="s">
        <v>313</v>
      </c>
      <c r="G56" s="3" t="s">
        <v>182</v>
      </c>
      <c r="H56" s="3" t="s">
        <v>64</v>
      </c>
      <c r="I56" s="3" t="s">
        <v>112</v>
      </c>
      <c r="J56" s="3" t="s">
        <v>314</v>
      </c>
      <c r="K56" s="3" t="s">
        <v>32</v>
      </c>
      <c r="L56" s="3" t="s">
        <v>33</v>
      </c>
      <c r="M56" s="3" t="s">
        <v>66</v>
      </c>
      <c r="N56" s="3" t="s">
        <v>67</v>
      </c>
      <c r="O56" s="3" t="s">
        <v>52</v>
      </c>
      <c r="P56" s="3" t="s">
        <v>37</v>
      </c>
      <c r="Q56" s="3" t="s">
        <v>37</v>
      </c>
      <c r="R56" s="3" t="s">
        <v>38</v>
      </c>
      <c r="S56" s="3" t="s">
        <v>315</v>
      </c>
      <c r="T56" s="3" t="s">
        <v>37</v>
      </c>
      <c r="U56" s="3" t="s">
        <v>37</v>
      </c>
      <c r="V56" s="3" t="s">
        <v>37</v>
      </c>
    </row>
    <row r="57" spans="1:22" x14ac:dyDescent="0.25">
      <c r="A57" s="3" t="s">
        <v>22</v>
      </c>
      <c r="B57" s="4" t="s">
        <v>249</v>
      </c>
      <c r="C57" s="3" t="s">
        <v>250</v>
      </c>
      <c r="D57" s="5" t="s">
        <v>115</v>
      </c>
      <c r="E57" s="3" t="s">
        <v>110</v>
      </c>
      <c r="F57" s="3" t="s">
        <v>316</v>
      </c>
      <c r="G57" s="3" t="s">
        <v>64</v>
      </c>
      <c r="H57" s="3" t="s">
        <v>64</v>
      </c>
      <c r="I57" s="3" t="s">
        <v>112</v>
      </c>
      <c r="J57" s="3" t="s">
        <v>317</v>
      </c>
      <c r="K57" s="3" t="s">
        <v>32</v>
      </c>
      <c r="L57" s="3" t="s">
        <v>33</v>
      </c>
      <c r="M57" s="3" t="s">
        <v>66</v>
      </c>
      <c r="N57" s="3" t="s">
        <v>67</v>
      </c>
      <c r="O57" s="3" t="s">
        <v>119</v>
      </c>
      <c r="P57" s="3" t="s">
        <v>37</v>
      </c>
      <c r="Q57" s="3" t="s">
        <v>37</v>
      </c>
      <c r="R57" s="3" t="s">
        <v>38</v>
      </c>
      <c r="S57" s="3" t="s">
        <v>318</v>
      </c>
      <c r="T57" s="3" t="s">
        <v>37</v>
      </c>
      <c r="U57" s="3" t="s">
        <v>37</v>
      </c>
      <c r="V57" s="3" t="s">
        <v>37</v>
      </c>
    </row>
    <row r="58" spans="1:22" x14ac:dyDescent="0.25">
      <c r="A58" s="3" t="s">
        <v>22</v>
      </c>
      <c r="B58" s="4" t="s">
        <v>249</v>
      </c>
      <c r="C58" s="3" t="s">
        <v>250</v>
      </c>
      <c r="D58" s="5" t="s">
        <v>122</v>
      </c>
      <c r="E58" s="3" t="s">
        <v>46</v>
      </c>
      <c r="F58" s="3" t="s">
        <v>89</v>
      </c>
      <c r="G58" s="3" t="s">
        <v>90</v>
      </c>
      <c r="H58" s="3" t="s">
        <v>64</v>
      </c>
      <c r="I58" s="3" t="s">
        <v>49</v>
      </c>
      <c r="J58" s="3" t="s">
        <v>91</v>
      </c>
      <c r="K58" s="3" t="s">
        <v>32</v>
      </c>
      <c r="L58" s="3" t="s">
        <v>33</v>
      </c>
      <c r="M58" s="3" t="s">
        <v>34</v>
      </c>
      <c r="N58" s="3" t="s">
        <v>35</v>
      </c>
      <c r="O58" s="3" t="s">
        <v>52</v>
      </c>
      <c r="P58" s="3" t="s">
        <v>53</v>
      </c>
      <c r="Q58" s="3" t="s">
        <v>73</v>
      </c>
      <c r="R58" s="3" t="s">
        <v>38</v>
      </c>
      <c r="S58" s="3" t="s">
        <v>92</v>
      </c>
      <c r="T58" s="3" t="s">
        <v>37</v>
      </c>
      <c r="U58" s="3" t="s">
        <v>37</v>
      </c>
      <c r="V58" s="3" t="s">
        <v>37</v>
      </c>
    </row>
    <row r="59" spans="1:22" x14ac:dyDescent="0.25">
      <c r="A59" s="3" t="s">
        <v>22</v>
      </c>
      <c r="B59" s="4" t="s">
        <v>249</v>
      </c>
      <c r="C59" s="3" t="s">
        <v>250</v>
      </c>
      <c r="D59" s="5" t="s">
        <v>319</v>
      </c>
      <c r="E59" s="3" t="s">
        <v>99</v>
      </c>
      <c r="F59" s="3" t="s">
        <v>37</v>
      </c>
      <c r="G59" s="3" t="s">
        <v>37</v>
      </c>
      <c r="H59" s="3" t="s">
        <v>37</v>
      </c>
      <c r="I59" s="3" t="s">
        <v>37</v>
      </c>
      <c r="J59" s="3" t="s">
        <v>100</v>
      </c>
      <c r="K59" s="3" t="s">
        <v>32</v>
      </c>
      <c r="L59" s="3" t="s">
        <v>101</v>
      </c>
      <c r="M59" s="3" t="s">
        <v>66</v>
      </c>
      <c r="N59" s="3" t="s">
        <v>80</v>
      </c>
      <c r="O59" s="3" t="s">
        <v>410</v>
      </c>
      <c r="P59" s="3" t="s">
        <v>37</v>
      </c>
      <c r="Q59" s="3" t="s">
        <v>37</v>
      </c>
      <c r="R59" s="3" t="s">
        <v>38</v>
      </c>
      <c r="S59" s="3" t="s">
        <v>102</v>
      </c>
      <c r="T59" s="3" t="s">
        <v>37</v>
      </c>
      <c r="U59" s="3" t="s">
        <v>37</v>
      </c>
      <c r="V59" s="3" t="s">
        <v>37</v>
      </c>
    </row>
    <row r="60" spans="1:22" x14ac:dyDescent="0.25">
      <c r="A60" s="3" t="s">
        <v>22</v>
      </c>
      <c r="B60" s="4" t="s">
        <v>249</v>
      </c>
      <c r="C60" s="3" t="s">
        <v>250</v>
      </c>
      <c r="D60" s="5" t="s">
        <v>146</v>
      </c>
      <c r="E60" s="3" t="s">
        <v>147</v>
      </c>
      <c r="F60" s="3" t="s">
        <v>320</v>
      </c>
      <c r="G60" s="3" t="s">
        <v>321</v>
      </c>
      <c r="H60" s="3" t="s">
        <v>64</v>
      </c>
      <c r="I60" s="3" t="s">
        <v>150</v>
      </c>
      <c r="J60" s="3" t="s">
        <v>322</v>
      </c>
      <c r="K60" s="3" t="s">
        <v>32</v>
      </c>
      <c r="L60" s="3" t="s">
        <v>33</v>
      </c>
      <c r="M60" s="3" t="s">
        <v>34</v>
      </c>
      <c r="N60" s="3" t="s">
        <v>137</v>
      </c>
      <c r="O60" s="3" t="s">
        <v>152</v>
      </c>
      <c r="P60" s="3" t="s">
        <v>37</v>
      </c>
      <c r="Q60" s="3" t="s">
        <v>37</v>
      </c>
      <c r="R60" s="3" t="s">
        <v>38</v>
      </c>
      <c r="S60" s="3" t="s">
        <v>323</v>
      </c>
      <c r="T60" s="3" t="s">
        <v>37</v>
      </c>
      <c r="U60" s="3" t="s">
        <v>37</v>
      </c>
      <c r="V60" s="3" t="s">
        <v>37</v>
      </c>
    </row>
    <row r="61" spans="1:22" x14ac:dyDescent="0.25">
      <c r="A61" s="3" t="s">
        <v>22</v>
      </c>
      <c r="B61" s="4" t="s">
        <v>249</v>
      </c>
      <c r="C61" s="3" t="s">
        <v>250</v>
      </c>
      <c r="D61" s="5" t="s">
        <v>154</v>
      </c>
      <c r="E61" s="3" t="s">
        <v>147</v>
      </c>
      <c r="F61" s="3" t="s">
        <v>324</v>
      </c>
      <c r="G61" s="3" t="s">
        <v>325</v>
      </c>
      <c r="H61" s="3" t="s">
        <v>64</v>
      </c>
      <c r="I61" s="3" t="s">
        <v>150</v>
      </c>
      <c r="J61" s="3" t="s">
        <v>326</v>
      </c>
      <c r="K61" s="3" t="s">
        <v>32</v>
      </c>
      <c r="L61" s="3" t="s">
        <v>33</v>
      </c>
      <c r="M61" s="3" t="s">
        <v>34</v>
      </c>
      <c r="N61" s="3" t="s">
        <v>137</v>
      </c>
      <c r="O61" s="3" t="s">
        <v>152</v>
      </c>
      <c r="P61" s="3" t="s">
        <v>37</v>
      </c>
      <c r="Q61" s="3" t="s">
        <v>37</v>
      </c>
      <c r="R61" s="3" t="s">
        <v>38</v>
      </c>
      <c r="S61" s="3" t="s">
        <v>327</v>
      </c>
      <c r="T61" s="3" t="s">
        <v>37</v>
      </c>
      <c r="U61" s="3" t="s">
        <v>37</v>
      </c>
      <c r="V61" s="3" t="s">
        <v>37</v>
      </c>
    </row>
    <row r="62" spans="1:22" x14ac:dyDescent="0.25">
      <c r="A62" s="3" t="s">
        <v>22</v>
      </c>
      <c r="B62" s="4" t="s">
        <v>249</v>
      </c>
      <c r="C62" s="3" t="s">
        <v>250</v>
      </c>
      <c r="D62" s="5" t="s">
        <v>159</v>
      </c>
      <c r="E62" s="3" t="s">
        <v>147</v>
      </c>
      <c r="F62" s="3" t="s">
        <v>328</v>
      </c>
      <c r="G62" s="3" t="s">
        <v>329</v>
      </c>
      <c r="H62" s="3" t="s">
        <v>64</v>
      </c>
      <c r="I62" s="3" t="s">
        <v>150</v>
      </c>
      <c r="J62" s="3" t="s">
        <v>330</v>
      </c>
      <c r="K62" s="3" t="s">
        <v>32</v>
      </c>
      <c r="L62" s="3" t="s">
        <v>33</v>
      </c>
      <c r="M62" s="3" t="s">
        <v>34</v>
      </c>
      <c r="N62" s="3" t="s">
        <v>137</v>
      </c>
      <c r="O62" s="3" t="s">
        <v>152</v>
      </c>
      <c r="P62" s="3" t="s">
        <v>37</v>
      </c>
      <c r="Q62" s="3" t="s">
        <v>37</v>
      </c>
      <c r="R62" s="3" t="s">
        <v>38</v>
      </c>
      <c r="S62" s="3" t="s">
        <v>331</v>
      </c>
      <c r="T62" s="3" t="s">
        <v>37</v>
      </c>
      <c r="U62" s="3" t="s">
        <v>37</v>
      </c>
      <c r="V62" s="3" t="s">
        <v>37</v>
      </c>
    </row>
    <row r="63" spans="1:22" x14ac:dyDescent="0.25">
      <c r="A63" s="3" t="s">
        <v>22</v>
      </c>
      <c r="B63" s="4" t="s">
        <v>249</v>
      </c>
      <c r="C63" s="3" t="s">
        <v>250</v>
      </c>
      <c r="D63" s="5" t="s">
        <v>164</v>
      </c>
      <c r="E63" s="3" t="s">
        <v>75</v>
      </c>
      <c r="F63" s="3" t="s">
        <v>332</v>
      </c>
      <c r="G63" s="3" t="s">
        <v>333</v>
      </c>
      <c r="H63" s="3" t="s">
        <v>78</v>
      </c>
      <c r="I63" s="3" t="s">
        <v>37</v>
      </c>
      <c r="J63" s="3" t="s">
        <v>334</v>
      </c>
      <c r="K63" s="3" t="s">
        <v>32</v>
      </c>
      <c r="L63" s="3" t="s">
        <v>33</v>
      </c>
      <c r="M63" s="3" t="s">
        <v>66</v>
      </c>
      <c r="N63" s="3" t="s">
        <v>80</v>
      </c>
      <c r="O63" s="3" t="s">
        <v>52</v>
      </c>
      <c r="P63" s="3" t="s">
        <v>53</v>
      </c>
      <c r="Q63" s="3" t="s">
        <v>37</v>
      </c>
      <c r="R63" s="3" t="s">
        <v>38</v>
      </c>
      <c r="S63" s="3" t="s">
        <v>335</v>
      </c>
      <c r="T63" s="3" t="s">
        <v>37</v>
      </c>
      <c r="U63" s="3" t="s">
        <v>37</v>
      </c>
      <c r="V63" s="3" t="s">
        <v>37</v>
      </c>
    </row>
    <row r="64" spans="1:22" x14ac:dyDescent="0.25">
      <c r="A64" s="3" t="s">
        <v>22</v>
      </c>
      <c r="B64" s="4" t="s">
        <v>249</v>
      </c>
      <c r="C64" s="3" t="s">
        <v>250</v>
      </c>
      <c r="D64" s="5" t="s">
        <v>170</v>
      </c>
      <c r="E64" s="3" t="s">
        <v>75</v>
      </c>
      <c r="F64" s="3" t="s">
        <v>336</v>
      </c>
      <c r="G64" s="3" t="s">
        <v>211</v>
      </c>
      <c r="H64" s="3" t="s">
        <v>78</v>
      </c>
      <c r="I64" s="3" t="s">
        <v>37</v>
      </c>
      <c r="J64" s="3" t="s">
        <v>337</v>
      </c>
      <c r="K64" s="3" t="s">
        <v>32</v>
      </c>
      <c r="L64" s="3" t="s">
        <v>33</v>
      </c>
      <c r="M64" s="3" t="s">
        <v>66</v>
      </c>
      <c r="N64" s="3" t="s">
        <v>80</v>
      </c>
      <c r="O64" s="3" t="s">
        <v>52</v>
      </c>
      <c r="P64" s="3" t="s">
        <v>53</v>
      </c>
      <c r="Q64" s="3" t="s">
        <v>37</v>
      </c>
      <c r="R64" s="3" t="s">
        <v>38</v>
      </c>
      <c r="S64" s="3" t="s">
        <v>338</v>
      </c>
      <c r="T64" s="3" t="s">
        <v>37</v>
      </c>
      <c r="U64" s="3" t="s">
        <v>37</v>
      </c>
      <c r="V64" s="3" t="s">
        <v>37</v>
      </c>
    </row>
    <row r="65" spans="1:22" x14ac:dyDescent="0.25">
      <c r="A65" s="3" t="s">
        <v>22</v>
      </c>
      <c r="B65" s="4" t="s">
        <v>249</v>
      </c>
      <c r="C65" s="3" t="s">
        <v>250</v>
      </c>
      <c r="D65" s="5" t="s">
        <v>175</v>
      </c>
      <c r="E65" s="3" t="s">
        <v>46</v>
      </c>
      <c r="F65" s="3" t="s">
        <v>339</v>
      </c>
      <c r="G65" s="3" t="s">
        <v>340</v>
      </c>
      <c r="H65" s="3" t="s">
        <v>64</v>
      </c>
      <c r="I65" s="3" t="s">
        <v>49</v>
      </c>
      <c r="J65" s="3" t="s">
        <v>341</v>
      </c>
      <c r="K65" s="3" t="s">
        <v>32</v>
      </c>
      <c r="L65" s="3" t="s">
        <v>33</v>
      </c>
      <c r="M65" s="3" t="s">
        <v>34</v>
      </c>
      <c r="N65" s="3" t="s">
        <v>35</v>
      </c>
      <c r="O65" s="3" t="s">
        <v>52</v>
      </c>
      <c r="P65" s="3" t="s">
        <v>53</v>
      </c>
      <c r="Q65" s="3" t="s">
        <v>73</v>
      </c>
      <c r="R65" s="3" t="s">
        <v>38</v>
      </c>
      <c r="S65" s="3" t="s">
        <v>342</v>
      </c>
      <c r="T65" s="3" t="s">
        <v>37</v>
      </c>
      <c r="U65" s="3" t="s">
        <v>37</v>
      </c>
      <c r="V65" s="3" t="s">
        <v>37</v>
      </c>
    </row>
    <row r="66" spans="1:22" x14ac:dyDescent="0.25">
      <c r="A66" s="3" t="s">
        <v>22</v>
      </c>
      <c r="B66" s="4" t="s">
        <v>249</v>
      </c>
      <c r="C66" s="3" t="s">
        <v>250</v>
      </c>
      <c r="D66" s="5" t="s">
        <v>180</v>
      </c>
      <c r="E66" s="3" t="s">
        <v>46</v>
      </c>
      <c r="F66" s="3" t="s">
        <v>343</v>
      </c>
      <c r="G66" s="3" t="s">
        <v>344</v>
      </c>
      <c r="H66" s="3" t="s">
        <v>64</v>
      </c>
      <c r="I66" s="3" t="s">
        <v>49</v>
      </c>
      <c r="J66" s="3" t="s">
        <v>345</v>
      </c>
      <c r="K66" s="3" t="s">
        <v>32</v>
      </c>
      <c r="L66" s="3" t="s">
        <v>33</v>
      </c>
      <c r="M66" s="3" t="s">
        <v>34</v>
      </c>
      <c r="N66" s="3" t="s">
        <v>35</v>
      </c>
      <c r="O66" s="3" t="s">
        <v>52</v>
      </c>
      <c r="P66" s="3" t="s">
        <v>53</v>
      </c>
      <c r="Q66" s="3" t="s">
        <v>73</v>
      </c>
      <c r="R66" s="3" t="s">
        <v>38</v>
      </c>
      <c r="S66" s="3" t="s">
        <v>346</v>
      </c>
      <c r="T66" s="3" t="s">
        <v>37</v>
      </c>
      <c r="U66" s="3" t="s">
        <v>37</v>
      </c>
      <c r="V66" s="3" t="s">
        <v>37</v>
      </c>
    </row>
    <row r="67" spans="1:22" x14ac:dyDescent="0.25">
      <c r="A67" s="3" t="s">
        <v>22</v>
      </c>
      <c r="B67" s="4" t="s">
        <v>249</v>
      </c>
      <c r="C67" s="3" t="s">
        <v>250</v>
      </c>
      <c r="D67" s="5" t="s">
        <v>185</v>
      </c>
      <c r="E67" s="3" t="s">
        <v>61</v>
      </c>
      <c r="F67" s="3" t="s">
        <v>347</v>
      </c>
      <c r="G67" s="3" t="s">
        <v>106</v>
      </c>
      <c r="H67" s="3" t="s">
        <v>64</v>
      </c>
      <c r="I67" s="3" t="s">
        <v>37</v>
      </c>
      <c r="J67" s="3" t="s">
        <v>348</v>
      </c>
      <c r="K67" s="3" t="s">
        <v>32</v>
      </c>
      <c r="L67" s="3" t="s">
        <v>33</v>
      </c>
      <c r="M67" s="3" t="s">
        <v>66</v>
      </c>
      <c r="N67" s="3" t="s">
        <v>67</v>
      </c>
      <c r="O67" s="3" t="s">
        <v>52</v>
      </c>
      <c r="P67" s="3" t="s">
        <v>53</v>
      </c>
      <c r="Q67" s="3" t="s">
        <v>37</v>
      </c>
      <c r="R67" s="3" t="s">
        <v>38</v>
      </c>
      <c r="S67" s="3" t="s">
        <v>349</v>
      </c>
      <c r="T67" s="3" t="s">
        <v>37</v>
      </c>
      <c r="U67" s="3" t="s">
        <v>37</v>
      </c>
      <c r="V67" s="3" t="s">
        <v>37</v>
      </c>
    </row>
    <row r="68" spans="1:22" x14ac:dyDescent="0.25">
      <c r="A68" s="3" t="s">
        <v>22</v>
      </c>
      <c r="B68" s="4" t="s">
        <v>249</v>
      </c>
      <c r="C68" s="3" t="s">
        <v>250</v>
      </c>
      <c r="D68" s="5" t="s">
        <v>190</v>
      </c>
      <c r="E68" s="3" t="s">
        <v>61</v>
      </c>
      <c r="F68" s="3" t="s">
        <v>62</v>
      </c>
      <c r="G68" s="3" t="s">
        <v>63</v>
      </c>
      <c r="H68" s="3" t="s">
        <v>64</v>
      </c>
      <c r="I68" s="3" t="s">
        <v>37</v>
      </c>
      <c r="J68" s="3" t="s">
        <v>65</v>
      </c>
      <c r="K68" s="3" t="s">
        <v>32</v>
      </c>
      <c r="L68" s="3" t="s">
        <v>33</v>
      </c>
      <c r="M68" s="3" t="s">
        <v>66</v>
      </c>
      <c r="N68" s="3" t="s">
        <v>67</v>
      </c>
      <c r="O68" s="3" t="s">
        <v>68</v>
      </c>
      <c r="P68" s="3" t="s">
        <v>53</v>
      </c>
      <c r="Q68" s="3" t="s">
        <v>37</v>
      </c>
      <c r="R68" s="3" t="s">
        <v>38</v>
      </c>
      <c r="S68" s="3" t="s">
        <v>69</v>
      </c>
      <c r="T68" s="3" t="s">
        <v>37</v>
      </c>
      <c r="U68" s="3" t="s">
        <v>37</v>
      </c>
      <c r="V68" s="3" t="s">
        <v>37</v>
      </c>
    </row>
    <row r="69" spans="1:22" x14ac:dyDescent="0.25">
      <c r="A69" s="3" t="s">
        <v>22</v>
      </c>
      <c r="B69" s="4" t="s">
        <v>249</v>
      </c>
      <c r="C69" s="3" t="s">
        <v>250</v>
      </c>
      <c r="D69" s="5" t="s">
        <v>195</v>
      </c>
      <c r="E69" s="3" t="s">
        <v>61</v>
      </c>
      <c r="F69" s="3" t="s">
        <v>350</v>
      </c>
      <c r="G69" s="3" t="s">
        <v>64</v>
      </c>
      <c r="H69" s="3" t="s">
        <v>64</v>
      </c>
      <c r="I69" s="3" t="s">
        <v>37</v>
      </c>
      <c r="J69" s="3" t="s">
        <v>351</v>
      </c>
      <c r="K69" s="3" t="s">
        <v>32</v>
      </c>
      <c r="L69" s="3" t="s">
        <v>33</v>
      </c>
      <c r="M69" s="3" t="s">
        <v>66</v>
      </c>
      <c r="N69" s="3" t="s">
        <v>67</v>
      </c>
      <c r="O69" s="3" t="s">
        <v>52</v>
      </c>
      <c r="P69" s="3" t="s">
        <v>53</v>
      </c>
      <c r="Q69" s="3" t="s">
        <v>37</v>
      </c>
      <c r="R69" s="3" t="s">
        <v>38</v>
      </c>
      <c r="S69" s="3" t="s">
        <v>352</v>
      </c>
      <c r="T69" s="3" t="s">
        <v>37</v>
      </c>
      <c r="U69" s="3" t="s">
        <v>37</v>
      </c>
      <c r="V69" s="3" t="s">
        <v>37</v>
      </c>
    </row>
    <row r="70" spans="1:22" x14ac:dyDescent="0.25">
      <c r="A70" s="3" t="s">
        <v>22</v>
      </c>
      <c r="B70" s="4" t="s">
        <v>249</v>
      </c>
      <c r="C70" s="3" t="s">
        <v>250</v>
      </c>
      <c r="D70" s="5" t="s">
        <v>200</v>
      </c>
      <c r="E70" s="3" t="s">
        <v>46</v>
      </c>
      <c r="F70" s="3" t="s">
        <v>353</v>
      </c>
      <c r="G70" s="3" t="s">
        <v>354</v>
      </c>
      <c r="H70" s="3" t="s">
        <v>78</v>
      </c>
      <c r="I70" s="3" t="s">
        <v>49</v>
      </c>
      <c r="J70" s="3" t="s">
        <v>355</v>
      </c>
      <c r="K70" s="3" t="s">
        <v>32</v>
      </c>
      <c r="L70" s="3" t="s">
        <v>33</v>
      </c>
      <c r="M70" s="3" t="s">
        <v>34</v>
      </c>
      <c r="N70" s="3" t="s">
        <v>67</v>
      </c>
      <c r="O70" s="3" t="s">
        <v>52</v>
      </c>
      <c r="P70" s="3" t="s">
        <v>53</v>
      </c>
      <c r="Q70" s="3" t="s">
        <v>37</v>
      </c>
      <c r="R70" s="3" t="s">
        <v>38</v>
      </c>
      <c r="S70" s="3" t="s">
        <v>356</v>
      </c>
      <c r="T70" s="3" t="s">
        <v>37</v>
      </c>
      <c r="U70" s="3" t="s">
        <v>37</v>
      </c>
      <c r="V70" s="3" t="s">
        <v>37</v>
      </c>
    </row>
    <row r="71" spans="1:22" x14ac:dyDescent="0.25">
      <c r="A71" s="3" t="s">
        <v>22</v>
      </c>
      <c r="B71" s="4" t="s">
        <v>249</v>
      </c>
      <c r="C71" s="3" t="s">
        <v>250</v>
      </c>
      <c r="D71" s="5" t="s">
        <v>205</v>
      </c>
      <c r="E71" s="3" t="s">
        <v>46</v>
      </c>
      <c r="F71" s="3" t="s">
        <v>357</v>
      </c>
      <c r="G71" s="3" t="s">
        <v>77</v>
      </c>
      <c r="H71" s="3" t="s">
        <v>78</v>
      </c>
      <c r="I71" s="3" t="s">
        <v>49</v>
      </c>
      <c r="J71" s="3" t="s">
        <v>358</v>
      </c>
      <c r="K71" s="3" t="s">
        <v>32</v>
      </c>
      <c r="L71" s="3" t="s">
        <v>33</v>
      </c>
      <c r="M71" s="3" t="s">
        <v>34</v>
      </c>
      <c r="N71" s="3" t="s">
        <v>67</v>
      </c>
      <c r="O71" s="3" t="s">
        <v>52</v>
      </c>
      <c r="P71" s="3" t="s">
        <v>53</v>
      </c>
      <c r="Q71" s="3" t="s">
        <v>37</v>
      </c>
      <c r="R71" s="3" t="s">
        <v>38</v>
      </c>
      <c r="S71" s="3" t="s">
        <v>359</v>
      </c>
      <c r="T71" s="3" t="s">
        <v>37</v>
      </c>
      <c r="U71" s="3" t="s">
        <v>37</v>
      </c>
      <c r="V71" s="3" t="s">
        <v>37</v>
      </c>
    </row>
    <row r="72" spans="1:22" x14ac:dyDescent="0.25">
      <c r="A72" s="3" t="s">
        <v>22</v>
      </c>
      <c r="B72" s="4" t="s">
        <v>249</v>
      </c>
      <c r="C72" s="3" t="s">
        <v>250</v>
      </c>
      <c r="D72" s="5" t="s">
        <v>209</v>
      </c>
      <c r="E72" s="3" t="s">
        <v>46</v>
      </c>
      <c r="F72" s="3" t="s">
        <v>360</v>
      </c>
      <c r="G72" s="3" t="s">
        <v>84</v>
      </c>
      <c r="H72" s="3" t="s">
        <v>78</v>
      </c>
      <c r="I72" s="3" t="s">
        <v>49</v>
      </c>
      <c r="J72" s="3" t="s">
        <v>361</v>
      </c>
      <c r="K72" s="3" t="s">
        <v>32</v>
      </c>
      <c r="L72" s="3" t="s">
        <v>33</v>
      </c>
      <c r="M72" s="3" t="s">
        <v>34</v>
      </c>
      <c r="N72" s="3" t="s">
        <v>67</v>
      </c>
      <c r="O72" s="3" t="s">
        <v>52</v>
      </c>
      <c r="P72" s="3" t="s">
        <v>53</v>
      </c>
      <c r="Q72" s="3" t="s">
        <v>37</v>
      </c>
      <c r="R72" s="3" t="s">
        <v>38</v>
      </c>
      <c r="S72" s="3" t="s">
        <v>362</v>
      </c>
      <c r="T72" s="3" t="s">
        <v>37</v>
      </c>
      <c r="U72" s="3" t="s">
        <v>37</v>
      </c>
      <c r="V72" s="3" t="s">
        <v>37</v>
      </c>
    </row>
    <row r="73" spans="1:22" x14ac:dyDescent="0.25">
      <c r="A73" s="3" t="s">
        <v>22</v>
      </c>
      <c r="B73" s="4" t="s">
        <v>249</v>
      </c>
      <c r="C73" s="3" t="s">
        <v>250</v>
      </c>
      <c r="D73" s="5" t="s">
        <v>214</v>
      </c>
      <c r="E73" s="3" t="s">
        <v>46</v>
      </c>
      <c r="F73" s="3" t="s">
        <v>363</v>
      </c>
      <c r="G73" s="3" t="s">
        <v>364</v>
      </c>
      <c r="H73" s="3" t="s">
        <v>78</v>
      </c>
      <c r="I73" s="3" t="s">
        <v>49</v>
      </c>
      <c r="J73" s="3" t="s">
        <v>365</v>
      </c>
      <c r="K73" s="3" t="s">
        <v>32</v>
      </c>
      <c r="L73" s="3" t="s">
        <v>33</v>
      </c>
      <c r="M73" s="3" t="s">
        <v>34</v>
      </c>
      <c r="N73" s="3" t="s">
        <v>67</v>
      </c>
      <c r="O73" s="3" t="s">
        <v>52</v>
      </c>
      <c r="P73" s="3" t="s">
        <v>53</v>
      </c>
      <c r="Q73" s="3" t="s">
        <v>37</v>
      </c>
      <c r="R73" s="3" t="s">
        <v>38</v>
      </c>
      <c r="S73" s="3" t="s">
        <v>366</v>
      </c>
      <c r="T73" s="3" t="s">
        <v>37</v>
      </c>
      <c r="U73" s="3" t="s">
        <v>37</v>
      </c>
      <c r="V73" s="3" t="s">
        <v>37</v>
      </c>
    </row>
    <row r="74" spans="1:22" x14ac:dyDescent="0.25">
      <c r="A74" s="3" t="s">
        <v>22</v>
      </c>
      <c r="B74" s="4" t="s">
        <v>249</v>
      </c>
      <c r="C74" s="3" t="s">
        <v>250</v>
      </c>
      <c r="D74" s="5" t="s">
        <v>219</v>
      </c>
      <c r="E74" s="3" t="s">
        <v>367</v>
      </c>
      <c r="F74" s="3" t="s">
        <v>368</v>
      </c>
      <c r="G74" s="3" t="s">
        <v>95</v>
      </c>
      <c r="H74" s="3" t="s">
        <v>29</v>
      </c>
      <c r="I74" s="3" t="s">
        <v>369</v>
      </c>
      <c r="J74" s="3" t="s">
        <v>368</v>
      </c>
      <c r="K74" s="3" t="s">
        <v>32</v>
      </c>
      <c r="L74" s="3" t="s">
        <v>33</v>
      </c>
      <c r="M74" s="3" t="s">
        <v>66</v>
      </c>
      <c r="N74" s="3" t="s">
        <v>370</v>
      </c>
      <c r="O74" s="3" t="s">
        <v>257</v>
      </c>
      <c r="P74" s="3" t="s">
        <v>37</v>
      </c>
      <c r="Q74" s="3" t="s">
        <v>73</v>
      </c>
      <c r="R74" s="3" t="s">
        <v>38</v>
      </c>
      <c r="S74" s="3" t="s">
        <v>371</v>
      </c>
      <c r="T74" s="3" t="s">
        <v>37</v>
      </c>
      <c r="U74" s="3" t="s">
        <v>37</v>
      </c>
      <c r="V74" s="3" t="s">
        <v>37</v>
      </c>
    </row>
    <row r="75" spans="1:22" x14ac:dyDescent="0.25">
      <c r="A75" s="3" t="s">
        <v>22</v>
      </c>
      <c r="B75" s="4" t="s">
        <v>249</v>
      </c>
      <c r="C75" s="3" t="s">
        <v>250</v>
      </c>
      <c r="D75" s="5" t="s">
        <v>372</v>
      </c>
      <c r="E75" s="3" t="s">
        <v>367</v>
      </c>
      <c r="F75" s="3" t="s">
        <v>373</v>
      </c>
      <c r="G75" s="3" t="s">
        <v>177</v>
      </c>
      <c r="H75" s="3" t="s">
        <v>29</v>
      </c>
      <c r="I75" s="3" t="s">
        <v>369</v>
      </c>
      <c r="J75" s="3" t="s">
        <v>373</v>
      </c>
      <c r="K75" s="3" t="s">
        <v>32</v>
      </c>
      <c r="L75" s="3" t="s">
        <v>33</v>
      </c>
      <c r="M75" s="3" t="s">
        <v>66</v>
      </c>
      <c r="N75" s="3" t="s">
        <v>370</v>
      </c>
      <c r="O75" s="3" t="s">
        <v>257</v>
      </c>
      <c r="P75" s="3" t="s">
        <v>37</v>
      </c>
      <c r="Q75" s="3" t="s">
        <v>73</v>
      </c>
      <c r="R75" s="3" t="s">
        <v>38</v>
      </c>
      <c r="S75" s="3" t="s">
        <v>374</v>
      </c>
      <c r="T75" s="3" t="s">
        <v>37</v>
      </c>
      <c r="U75" s="3" t="s">
        <v>37</v>
      </c>
      <c r="V75" s="3" t="s">
        <v>37</v>
      </c>
    </row>
    <row r="76" spans="1:22" x14ac:dyDescent="0.25">
      <c r="A76" s="3" t="s">
        <v>22</v>
      </c>
      <c r="B76" s="4" t="s">
        <v>249</v>
      </c>
      <c r="C76" s="3" t="s">
        <v>250</v>
      </c>
      <c r="D76" s="5" t="s">
        <v>375</v>
      </c>
      <c r="E76" s="3" t="s">
        <v>367</v>
      </c>
      <c r="F76" s="3" t="s">
        <v>376</v>
      </c>
      <c r="G76" s="3" t="s">
        <v>182</v>
      </c>
      <c r="H76" s="3" t="s">
        <v>29</v>
      </c>
      <c r="I76" s="3" t="s">
        <v>369</v>
      </c>
      <c r="J76" s="3" t="s">
        <v>376</v>
      </c>
      <c r="K76" s="3" t="s">
        <v>32</v>
      </c>
      <c r="L76" s="3" t="s">
        <v>33</v>
      </c>
      <c r="M76" s="3" t="s">
        <v>66</v>
      </c>
      <c r="N76" s="3" t="s">
        <v>370</v>
      </c>
      <c r="O76" s="3" t="s">
        <v>257</v>
      </c>
      <c r="P76" s="3" t="s">
        <v>37</v>
      </c>
      <c r="Q76" s="3" t="s">
        <v>73</v>
      </c>
      <c r="R76" s="3" t="s">
        <v>38</v>
      </c>
      <c r="S76" s="3" t="s">
        <v>377</v>
      </c>
      <c r="T76" s="3" t="s">
        <v>37</v>
      </c>
      <c r="U76" s="3" t="s">
        <v>37</v>
      </c>
      <c r="V76" s="3" t="s">
        <v>37</v>
      </c>
    </row>
    <row r="77" spans="1:22" x14ac:dyDescent="0.25">
      <c r="A77" s="3" t="s">
        <v>22</v>
      </c>
      <c r="B77" s="4" t="s">
        <v>249</v>
      </c>
      <c r="C77" s="3" t="s">
        <v>250</v>
      </c>
      <c r="D77" s="5" t="s">
        <v>378</v>
      </c>
      <c r="E77" s="3" t="s">
        <v>367</v>
      </c>
      <c r="F77" s="3" t="s">
        <v>379</v>
      </c>
      <c r="G77" s="3" t="s">
        <v>340</v>
      </c>
      <c r="H77" s="3" t="s">
        <v>29</v>
      </c>
      <c r="I77" s="3" t="s">
        <v>369</v>
      </c>
      <c r="J77" s="3" t="s">
        <v>379</v>
      </c>
      <c r="K77" s="3" t="s">
        <v>32</v>
      </c>
      <c r="L77" s="3" t="s">
        <v>33</v>
      </c>
      <c r="M77" s="3" t="s">
        <v>66</v>
      </c>
      <c r="N77" s="3" t="s">
        <v>370</v>
      </c>
      <c r="O77" s="3" t="s">
        <v>257</v>
      </c>
      <c r="P77" s="3" t="s">
        <v>37</v>
      </c>
      <c r="Q77" s="3" t="s">
        <v>73</v>
      </c>
      <c r="R77" s="3" t="s">
        <v>38</v>
      </c>
      <c r="S77" s="3" t="s">
        <v>380</v>
      </c>
      <c r="T77" s="3" t="s">
        <v>37</v>
      </c>
      <c r="U77" s="3" t="s">
        <v>37</v>
      </c>
      <c r="V77" s="3" t="s">
        <v>37</v>
      </c>
    </row>
    <row r="78" spans="1:22" x14ac:dyDescent="0.25">
      <c r="A78" s="3" t="s">
        <v>22</v>
      </c>
      <c r="B78" s="4" t="s">
        <v>249</v>
      </c>
      <c r="C78" s="3" t="s">
        <v>250</v>
      </c>
      <c r="D78" s="5" t="s">
        <v>228</v>
      </c>
      <c r="E78" s="3" t="s">
        <v>381</v>
      </c>
      <c r="F78" s="3" t="s">
        <v>382</v>
      </c>
      <c r="G78" s="3" t="s">
        <v>225</v>
      </c>
      <c r="H78" s="3" t="s">
        <v>64</v>
      </c>
      <c r="I78" s="3" t="s">
        <v>37</v>
      </c>
      <c r="J78" s="3" t="s">
        <v>383</v>
      </c>
      <c r="K78" s="3" t="s">
        <v>32</v>
      </c>
      <c r="L78" s="3" t="s">
        <v>33</v>
      </c>
      <c r="M78" s="3" t="s">
        <v>384</v>
      </c>
      <c r="N78" s="3" t="s">
        <v>67</v>
      </c>
      <c r="O78" s="3" t="s">
        <v>52</v>
      </c>
      <c r="P78" s="3" t="s">
        <v>53</v>
      </c>
      <c r="Q78" s="3" t="s">
        <v>37</v>
      </c>
      <c r="R78" s="3" t="s">
        <v>38</v>
      </c>
      <c r="S78" s="3" t="s">
        <v>385</v>
      </c>
      <c r="T78" s="3" t="s">
        <v>37</v>
      </c>
      <c r="U78" s="3" t="s">
        <v>37</v>
      </c>
      <c r="V78" s="3" t="s">
        <v>139</v>
      </c>
    </row>
    <row r="79" spans="1:22" x14ac:dyDescent="0.25">
      <c r="A79" s="3" t="s">
        <v>22</v>
      </c>
      <c r="B79" s="4" t="s">
        <v>249</v>
      </c>
      <c r="C79" s="3" t="s">
        <v>250</v>
      </c>
      <c r="D79" s="5" t="s">
        <v>233</v>
      </c>
      <c r="E79" s="3" t="s">
        <v>381</v>
      </c>
      <c r="F79" s="3" t="s">
        <v>386</v>
      </c>
      <c r="G79" s="3" t="s">
        <v>71</v>
      </c>
      <c r="H79" s="3" t="s">
        <v>64</v>
      </c>
      <c r="I79" s="3" t="s">
        <v>37</v>
      </c>
      <c r="J79" s="3" t="s">
        <v>387</v>
      </c>
      <c r="K79" s="3" t="s">
        <v>32</v>
      </c>
      <c r="L79" s="3" t="s">
        <v>33</v>
      </c>
      <c r="M79" s="3" t="s">
        <v>384</v>
      </c>
      <c r="N79" s="3" t="s">
        <v>67</v>
      </c>
      <c r="O79" s="3" t="s">
        <v>52</v>
      </c>
      <c r="P79" s="3" t="s">
        <v>53</v>
      </c>
      <c r="Q79" s="3" t="s">
        <v>37</v>
      </c>
      <c r="R79" s="3" t="s">
        <v>38</v>
      </c>
      <c r="S79" s="3" t="s">
        <v>388</v>
      </c>
      <c r="T79" s="3" t="s">
        <v>37</v>
      </c>
      <c r="U79" s="3" t="s">
        <v>37</v>
      </c>
      <c r="V79" s="3" t="s">
        <v>139</v>
      </c>
    </row>
    <row r="80" spans="1:22" x14ac:dyDescent="0.25">
      <c r="A80" s="3" t="s">
        <v>22</v>
      </c>
      <c r="B80" s="4" t="s">
        <v>249</v>
      </c>
      <c r="C80" s="3" t="s">
        <v>250</v>
      </c>
      <c r="D80" s="5" t="s">
        <v>238</v>
      </c>
      <c r="E80" s="3" t="s">
        <v>132</v>
      </c>
      <c r="F80" s="3" t="s">
        <v>389</v>
      </c>
      <c r="G80" s="3" t="s">
        <v>149</v>
      </c>
      <c r="H80" s="3" t="s">
        <v>29</v>
      </c>
      <c r="I80" s="3" t="s">
        <v>390</v>
      </c>
      <c r="J80" s="3" t="s">
        <v>391</v>
      </c>
      <c r="K80" s="3" t="s">
        <v>32</v>
      </c>
      <c r="L80" s="3" t="s">
        <v>33</v>
      </c>
      <c r="M80" s="3" t="s">
        <v>66</v>
      </c>
      <c r="N80" s="3" t="s">
        <v>67</v>
      </c>
      <c r="O80" s="3" t="s">
        <v>52</v>
      </c>
      <c r="P80" s="3" t="s">
        <v>53</v>
      </c>
      <c r="Q80" s="3" t="s">
        <v>37</v>
      </c>
      <c r="R80" s="3" t="s">
        <v>38</v>
      </c>
      <c r="S80" s="3" t="s">
        <v>392</v>
      </c>
      <c r="T80" s="3" t="s">
        <v>37</v>
      </c>
      <c r="U80" s="3" t="s">
        <v>37</v>
      </c>
      <c r="V80" s="3" t="s">
        <v>37</v>
      </c>
    </row>
    <row r="81" spans="1:22" x14ac:dyDescent="0.25">
      <c r="A81" s="3" t="s">
        <v>22</v>
      </c>
      <c r="B81" s="4" t="s">
        <v>249</v>
      </c>
      <c r="C81" s="3" t="s">
        <v>250</v>
      </c>
      <c r="D81" s="5" t="s">
        <v>244</v>
      </c>
      <c r="E81" s="3" t="s">
        <v>132</v>
      </c>
      <c r="F81" s="3" t="s">
        <v>393</v>
      </c>
      <c r="G81" s="3" t="s">
        <v>156</v>
      </c>
      <c r="H81" s="3" t="s">
        <v>29</v>
      </c>
      <c r="I81" s="3" t="s">
        <v>394</v>
      </c>
      <c r="J81" s="3" t="s">
        <v>395</v>
      </c>
      <c r="K81" s="3" t="s">
        <v>32</v>
      </c>
      <c r="L81" s="3" t="s">
        <v>33</v>
      </c>
      <c r="M81" s="3" t="s">
        <v>66</v>
      </c>
      <c r="N81" s="3" t="s">
        <v>67</v>
      </c>
      <c r="O81" s="3" t="s">
        <v>52</v>
      </c>
      <c r="P81" s="3" t="s">
        <v>53</v>
      </c>
      <c r="Q81" s="3" t="s">
        <v>37</v>
      </c>
      <c r="R81" s="3" t="s">
        <v>38</v>
      </c>
      <c r="S81" s="3" t="s">
        <v>396</v>
      </c>
      <c r="T81" s="3" t="s">
        <v>37</v>
      </c>
      <c r="U81" s="3" t="s">
        <v>37</v>
      </c>
      <c r="V81" s="3" t="s">
        <v>37</v>
      </c>
    </row>
    <row r="82" spans="1:22" x14ac:dyDescent="0.25">
      <c r="A82" s="3"/>
      <c r="B82" s="4"/>
      <c r="C82" s="3"/>
      <c r="D82" s="5"/>
      <c r="E82" s="6" t="s">
        <v>248</v>
      </c>
      <c r="F82" s="3"/>
      <c r="G82" s="3"/>
      <c r="H82" s="3"/>
      <c r="I82" s="3"/>
      <c r="J82" s="3"/>
      <c r="K82" s="3"/>
      <c r="L82" s="3"/>
      <c r="M82" s="3"/>
      <c r="N82" s="3"/>
      <c r="O82" s="3"/>
      <c r="P82" s="3"/>
      <c r="Q82" s="3"/>
      <c r="R82" s="3"/>
      <c r="S82" s="3"/>
      <c r="T82" s="3"/>
      <c r="U82" s="3"/>
      <c r="V82" s="3"/>
    </row>
    <row r="83" spans="1:22" x14ac:dyDescent="0.25">
      <c r="A83" s="3"/>
      <c r="B83" s="4"/>
      <c r="C83" s="3"/>
      <c r="D83" s="5"/>
      <c r="E83" s="6"/>
      <c r="F83" s="3"/>
      <c r="G83" s="3"/>
      <c r="H83" s="3"/>
      <c r="I83" s="3"/>
      <c r="J83" s="3"/>
      <c r="K83" s="3"/>
      <c r="L83" s="3"/>
      <c r="M83" s="3"/>
      <c r="N83" s="3"/>
      <c r="O83" s="3"/>
      <c r="P83" s="3"/>
      <c r="Q83" s="3"/>
      <c r="R83" s="3"/>
      <c r="S83" s="3"/>
      <c r="T83" s="3"/>
      <c r="U83" s="3"/>
      <c r="V83" s="3"/>
    </row>
    <row r="84" spans="1:22" x14ac:dyDescent="0.25">
      <c r="A84" s="3" t="s">
        <v>22</v>
      </c>
      <c r="B84" s="4" t="s">
        <v>397</v>
      </c>
      <c r="C84" s="3" t="s">
        <v>398</v>
      </c>
      <c r="D84" s="5" t="s">
        <v>25</v>
      </c>
      <c r="E84" s="3" t="s">
        <v>399</v>
      </c>
      <c r="F84" s="3" t="s">
        <v>400</v>
      </c>
      <c r="G84" s="3" t="s">
        <v>202</v>
      </c>
      <c r="H84" s="3" t="s">
        <v>29</v>
      </c>
      <c r="I84" s="3" t="s">
        <v>37</v>
      </c>
      <c r="J84" s="3" t="s">
        <v>401</v>
      </c>
      <c r="K84" s="3" t="s">
        <v>32</v>
      </c>
      <c r="L84" s="3" t="s">
        <v>33</v>
      </c>
      <c r="M84" s="3" t="s">
        <v>66</v>
      </c>
      <c r="N84" s="3" t="s">
        <v>80</v>
      </c>
      <c r="O84" s="3" t="s">
        <v>37</v>
      </c>
      <c r="P84" s="3" t="s">
        <v>37</v>
      </c>
      <c r="Q84" s="3" t="s">
        <v>37</v>
      </c>
      <c r="R84" s="3" t="s">
        <v>38</v>
      </c>
      <c r="S84" s="3" t="s">
        <v>402</v>
      </c>
      <c r="T84" s="3" t="s">
        <v>37</v>
      </c>
      <c r="U84" s="3" t="s">
        <v>37</v>
      </c>
      <c r="V84" s="3" t="s">
        <v>37</v>
      </c>
    </row>
    <row r="85" spans="1:22" x14ac:dyDescent="0.25">
      <c r="A85" s="3" t="s">
        <v>22</v>
      </c>
      <c r="B85" s="4" t="s">
        <v>397</v>
      </c>
      <c r="C85" s="3" t="s">
        <v>398</v>
      </c>
      <c r="D85" s="5" t="s">
        <v>40</v>
      </c>
      <c r="E85" s="3" t="s">
        <v>399</v>
      </c>
      <c r="F85" s="3" t="s">
        <v>403</v>
      </c>
      <c r="G85" s="3" t="s">
        <v>128</v>
      </c>
      <c r="H85" s="3" t="s">
        <v>29</v>
      </c>
      <c r="I85" s="3" t="s">
        <v>37</v>
      </c>
      <c r="J85" s="3" t="s">
        <v>404</v>
      </c>
      <c r="K85" s="3" t="s">
        <v>32</v>
      </c>
      <c r="L85" s="3" t="s">
        <v>33</v>
      </c>
      <c r="M85" s="3" t="s">
        <v>66</v>
      </c>
      <c r="N85" s="3" t="s">
        <v>80</v>
      </c>
      <c r="O85" s="3" t="s">
        <v>52</v>
      </c>
      <c r="P85" s="3" t="s">
        <v>37</v>
      </c>
      <c r="Q85" s="3" t="s">
        <v>37</v>
      </c>
      <c r="R85" s="3" t="s">
        <v>38</v>
      </c>
      <c r="S85" s="3" t="s">
        <v>405</v>
      </c>
      <c r="T85" s="3" t="s">
        <v>37</v>
      </c>
      <c r="U85" s="3" t="s">
        <v>37</v>
      </c>
      <c r="V85" s="3" t="s">
        <v>37</v>
      </c>
    </row>
    <row r="86" spans="1:22" x14ac:dyDescent="0.25">
      <c r="A86" s="3" t="s">
        <v>22</v>
      </c>
      <c r="B86" s="4" t="s">
        <v>397</v>
      </c>
      <c r="C86" s="3" t="s">
        <v>398</v>
      </c>
      <c r="D86" s="5" t="s">
        <v>45</v>
      </c>
      <c r="E86" s="3" t="s">
        <v>46</v>
      </c>
      <c r="F86" s="3" t="s">
        <v>47</v>
      </c>
      <c r="G86" s="3" t="s">
        <v>48</v>
      </c>
      <c r="H86" s="3" t="s">
        <v>29</v>
      </c>
      <c r="I86" s="3" t="s">
        <v>49</v>
      </c>
      <c r="J86" s="3" t="s">
        <v>50</v>
      </c>
      <c r="K86" s="3" t="s">
        <v>32</v>
      </c>
      <c r="L86" s="3" t="s">
        <v>33</v>
      </c>
      <c r="M86" s="3" t="s">
        <v>34</v>
      </c>
      <c r="N86" s="3" t="s">
        <v>51</v>
      </c>
      <c r="O86" s="3" t="s">
        <v>52</v>
      </c>
      <c r="P86" s="3" t="s">
        <v>53</v>
      </c>
      <c r="Q86" s="3" t="s">
        <v>37</v>
      </c>
      <c r="R86" s="3" t="s">
        <v>38</v>
      </c>
      <c r="S86" s="3" t="s">
        <v>54</v>
      </c>
      <c r="T86" s="3" t="s">
        <v>37</v>
      </c>
      <c r="U86" s="3" t="s">
        <v>37</v>
      </c>
      <c r="V86" s="3" t="s">
        <v>37</v>
      </c>
    </row>
    <row r="87" spans="1:22" x14ac:dyDescent="0.25">
      <c r="A87" s="3" t="s">
        <v>22</v>
      </c>
      <c r="B87" s="4" t="s">
        <v>397</v>
      </c>
      <c r="C87" s="3" t="s">
        <v>398</v>
      </c>
      <c r="D87" s="5" t="s">
        <v>55</v>
      </c>
      <c r="E87" s="3" t="s">
        <v>46</v>
      </c>
      <c r="F87" s="3" t="s">
        <v>56</v>
      </c>
      <c r="G87" s="3" t="s">
        <v>57</v>
      </c>
      <c r="H87" s="3" t="s">
        <v>29</v>
      </c>
      <c r="I87" s="3" t="s">
        <v>49</v>
      </c>
      <c r="J87" s="3" t="s">
        <v>58</v>
      </c>
      <c r="K87" s="3" t="s">
        <v>32</v>
      </c>
      <c r="L87" s="3" t="s">
        <v>33</v>
      </c>
      <c r="M87" s="3" t="s">
        <v>34</v>
      </c>
      <c r="N87" s="3" t="s">
        <v>51</v>
      </c>
      <c r="O87" s="3" t="s">
        <v>52</v>
      </c>
      <c r="P87" s="3" t="s">
        <v>53</v>
      </c>
      <c r="Q87" s="3" t="s">
        <v>37</v>
      </c>
      <c r="R87" s="3" t="s">
        <v>38</v>
      </c>
      <c r="S87" s="3" t="s">
        <v>59</v>
      </c>
      <c r="T87" s="3" t="s">
        <v>37</v>
      </c>
      <c r="U87" s="3" t="s">
        <v>37</v>
      </c>
      <c r="V87" s="3" t="s">
        <v>37</v>
      </c>
    </row>
    <row r="88" spans="1:22" x14ac:dyDescent="0.25">
      <c r="A88" s="3" t="s">
        <v>22</v>
      </c>
      <c r="B88" s="4" t="s">
        <v>397</v>
      </c>
      <c r="C88" s="3" t="s">
        <v>398</v>
      </c>
      <c r="D88" s="5" t="s">
        <v>60</v>
      </c>
      <c r="E88" s="3" t="s">
        <v>406</v>
      </c>
      <c r="F88" s="3" t="s">
        <v>37</v>
      </c>
      <c r="G88" s="3" t="s">
        <v>37</v>
      </c>
      <c r="H88" s="3" t="s">
        <v>37</v>
      </c>
      <c r="I88" s="3" t="s">
        <v>407</v>
      </c>
      <c r="J88" s="3" t="s">
        <v>408</v>
      </c>
      <c r="K88" s="3" t="s">
        <v>409</v>
      </c>
      <c r="L88" s="3" t="s">
        <v>33</v>
      </c>
      <c r="M88" s="3" t="s">
        <v>66</v>
      </c>
      <c r="N88" s="3" t="s">
        <v>35</v>
      </c>
      <c r="O88" s="3" t="s">
        <v>410</v>
      </c>
      <c r="P88" s="3" t="s">
        <v>37</v>
      </c>
      <c r="Q88" s="3" t="s">
        <v>37</v>
      </c>
      <c r="R88" s="3" t="s">
        <v>38</v>
      </c>
      <c r="S88" s="3" t="s">
        <v>411</v>
      </c>
      <c r="T88" s="3" t="s">
        <v>37</v>
      </c>
      <c r="U88" s="3" t="s">
        <v>37</v>
      </c>
      <c r="V88" s="3" t="s">
        <v>37</v>
      </c>
    </row>
    <row r="89" spans="1:22" x14ac:dyDescent="0.25">
      <c r="A89" s="3" t="s">
        <v>22</v>
      </c>
      <c r="B89" s="4" t="s">
        <v>397</v>
      </c>
      <c r="C89" s="3" t="s">
        <v>398</v>
      </c>
      <c r="D89" s="5" t="s">
        <v>412</v>
      </c>
      <c r="E89" s="3" t="s">
        <v>75</v>
      </c>
      <c r="F89" s="3" t="s">
        <v>413</v>
      </c>
      <c r="G89" s="3" t="s">
        <v>197</v>
      </c>
      <c r="H89" s="3" t="s">
        <v>29</v>
      </c>
      <c r="I89" s="3" t="s">
        <v>167</v>
      </c>
      <c r="J89" s="3" t="s">
        <v>414</v>
      </c>
      <c r="K89" s="3" t="s">
        <v>32</v>
      </c>
      <c r="L89" s="3" t="s">
        <v>33</v>
      </c>
      <c r="M89" s="3" t="s">
        <v>66</v>
      </c>
      <c r="N89" s="3" t="s">
        <v>137</v>
      </c>
      <c r="O89" s="3" t="s">
        <v>52</v>
      </c>
      <c r="P89" s="3" t="s">
        <v>53</v>
      </c>
      <c r="Q89" s="3" t="s">
        <v>37</v>
      </c>
      <c r="R89" s="3" t="s">
        <v>38</v>
      </c>
      <c r="S89" s="3" t="s">
        <v>415</v>
      </c>
      <c r="T89" s="3" t="s">
        <v>37</v>
      </c>
      <c r="U89" s="3" t="s">
        <v>37</v>
      </c>
      <c r="V89" s="3" t="s">
        <v>37</v>
      </c>
    </row>
    <row r="90" spans="1:22" x14ac:dyDescent="0.25">
      <c r="A90" s="3" t="s">
        <v>22</v>
      </c>
      <c r="B90" s="4" t="s">
        <v>397</v>
      </c>
      <c r="C90" s="3" t="s">
        <v>398</v>
      </c>
      <c r="D90" s="5" t="s">
        <v>88</v>
      </c>
      <c r="E90" s="3" t="s">
        <v>416</v>
      </c>
      <c r="F90" s="3" t="s">
        <v>417</v>
      </c>
      <c r="G90" s="3" t="s">
        <v>291</v>
      </c>
      <c r="H90" s="3" t="s">
        <v>64</v>
      </c>
      <c r="I90" s="3" t="s">
        <v>418</v>
      </c>
      <c r="J90" s="3" t="s">
        <v>419</v>
      </c>
      <c r="K90" s="3" t="s">
        <v>32</v>
      </c>
      <c r="L90" s="3" t="s">
        <v>33</v>
      </c>
      <c r="M90" s="3" t="s">
        <v>34</v>
      </c>
      <c r="N90" s="3" t="s">
        <v>137</v>
      </c>
      <c r="O90" s="3" t="s">
        <v>36</v>
      </c>
      <c r="P90" s="3" t="s">
        <v>37</v>
      </c>
      <c r="Q90" s="3" t="s">
        <v>37</v>
      </c>
      <c r="R90" s="3" t="s">
        <v>38</v>
      </c>
      <c r="S90" s="3" t="s">
        <v>420</v>
      </c>
      <c r="T90" s="3" t="s">
        <v>37</v>
      </c>
      <c r="U90" s="3" t="s">
        <v>37</v>
      </c>
      <c r="V90" s="3" t="s">
        <v>37</v>
      </c>
    </row>
    <row r="91" spans="1:22" x14ac:dyDescent="0.25">
      <c r="A91" s="3" t="s">
        <v>22</v>
      </c>
      <c r="B91" s="4" t="s">
        <v>397</v>
      </c>
      <c r="C91" s="3" t="s">
        <v>398</v>
      </c>
      <c r="D91" s="5" t="s">
        <v>98</v>
      </c>
      <c r="E91" s="3" t="s">
        <v>422</v>
      </c>
      <c r="F91" s="3" t="s">
        <v>423</v>
      </c>
      <c r="G91" s="3" t="s">
        <v>78</v>
      </c>
      <c r="H91" s="3" t="s">
        <v>64</v>
      </c>
      <c r="I91" s="3" t="s">
        <v>424</v>
      </c>
      <c r="J91" s="3" t="s">
        <v>425</v>
      </c>
      <c r="K91" s="3" t="s">
        <v>32</v>
      </c>
      <c r="L91" s="3" t="s">
        <v>33</v>
      </c>
      <c r="M91" s="3" t="s">
        <v>66</v>
      </c>
      <c r="N91" s="3" t="s">
        <v>137</v>
      </c>
      <c r="O91" s="3" t="s">
        <v>119</v>
      </c>
      <c r="P91" s="3" t="s">
        <v>37</v>
      </c>
      <c r="Q91" s="3" t="s">
        <v>37</v>
      </c>
      <c r="R91" s="3" t="s">
        <v>38</v>
      </c>
      <c r="S91" s="3" t="s">
        <v>426</v>
      </c>
      <c r="T91" s="3" t="s">
        <v>37</v>
      </c>
      <c r="U91" s="3" t="s">
        <v>37</v>
      </c>
      <c r="V91" s="3" t="s">
        <v>37</v>
      </c>
    </row>
    <row r="92" spans="1:22" x14ac:dyDescent="0.25">
      <c r="A92" s="3" t="s">
        <v>22</v>
      </c>
      <c r="B92" s="4" t="s">
        <v>397</v>
      </c>
      <c r="C92" s="3" t="s">
        <v>398</v>
      </c>
      <c r="D92" s="5" t="s">
        <v>427</v>
      </c>
      <c r="E92" s="3" t="s">
        <v>422</v>
      </c>
      <c r="F92" s="3" t="s">
        <v>428</v>
      </c>
      <c r="G92" s="3" t="s">
        <v>225</v>
      </c>
      <c r="H92" s="3" t="s">
        <v>64</v>
      </c>
      <c r="I92" s="3" t="s">
        <v>424</v>
      </c>
      <c r="J92" s="3" t="s">
        <v>429</v>
      </c>
      <c r="K92" s="3" t="s">
        <v>32</v>
      </c>
      <c r="L92" s="3" t="s">
        <v>33</v>
      </c>
      <c r="M92" s="3" t="s">
        <v>66</v>
      </c>
      <c r="N92" s="3" t="s">
        <v>137</v>
      </c>
      <c r="O92" s="3" t="s">
        <v>119</v>
      </c>
      <c r="P92" s="3" t="s">
        <v>37</v>
      </c>
      <c r="Q92" s="3" t="s">
        <v>37</v>
      </c>
      <c r="R92" s="3" t="s">
        <v>38</v>
      </c>
      <c r="S92" s="3" t="s">
        <v>430</v>
      </c>
      <c r="T92" s="3" t="s">
        <v>37</v>
      </c>
      <c r="U92" s="3" t="s">
        <v>37</v>
      </c>
      <c r="V92" s="3" t="s">
        <v>37</v>
      </c>
    </row>
    <row r="93" spans="1:22" x14ac:dyDescent="0.25">
      <c r="A93" s="3" t="s">
        <v>22</v>
      </c>
      <c r="B93" s="4" t="s">
        <v>397</v>
      </c>
      <c r="C93" s="3" t="s">
        <v>398</v>
      </c>
      <c r="D93" s="5" t="s">
        <v>302</v>
      </c>
      <c r="E93" s="3" t="s">
        <v>422</v>
      </c>
      <c r="F93" s="3" t="s">
        <v>431</v>
      </c>
      <c r="G93" s="3" t="s">
        <v>71</v>
      </c>
      <c r="H93" s="3" t="s">
        <v>64</v>
      </c>
      <c r="I93" s="3" t="s">
        <v>424</v>
      </c>
      <c r="J93" s="3" t="s">
        <v>432</v>
      </c>
      <c r="K93" s="3" t="s">
        <v>32</v>
      </c>
      <c r="L93" s="3" t="s">
        <v>33</v>
      </c>
      <c r="M93" s="3" t="s">
        <v>66</v>
      </c>
      <c r="N93" s="3" t="s">
        <v>137</v>
      </c>
      <c r="O93" s="3" t="s">
        <v>119</v>
      </c>
      <c r="P93" s="3" t="s">
        <v>37</v>
      </c>
      <c r="Q93" s="3" t="s">
        <v>37</v>
      </c>
      <c r="R93" s="3" t="s">
        <v>38</v>
      </c>
      <c r="S93" s="3" t="s">
        <v>433</v>
      </c>
      <c r="T93" s="3" t="s">
        <v>37</v>
      </c>
      <c r="U93" s="3" t="s">
        <v>37</v>
      </c>
      <c r="V93" s="3" t="s">
        <v>37</v>
      </c>
    </row>
    <row r="94" spans="1:22" x14ac:dyDescent="0.25">
      <c r="A94" s="3" t="s">
        <v>22</v>
      </c>
      <c r="B94" s="4" t="s">
        <v>397</v>
      </c>
      <c r="C94" s="3" t="s">
        <v>398</v>
      </c>
      <c r="D94" s="5" t="s">
        <v>434</v>
      </c>
      <c r="E94" s="3" t="s">
        <v>46</v>
      </c>
      <c r="F94" s="3" t="s">
        <v>176</v>
      </c>
      <c r="G94" s="3" t="s">
        <v>177</v>
      </c>
      <c r="H94" s="3" t="s">
        <v>64</v>
      </c>
      <c r="I94" s="3" t="s">
        <v>49</v>
      </c>
      <c r="J94" s="3" t="s">
        <v>178</v>
      </c>
      <c r="K94" s="3" t="s">
        <v>32</v>
      </c>
      <c r="L94" s="3" t="s">
        <v>33</v>
      </c>
      <c r="M94" s="3" t="s">
        <v>34</v>
      </c>
      <c r="N94" s="3" t="s">
        <v>35</v>
      </c>
      <c r="O94" s="3" t="s">
        <v>52</v>
      </c>
      <c r="P94" s="3" t="s">
        <v>53</v>
      </c>
      <c r="Q94" s="3" t="s">
        <v>73</v>
      </c>
      <c r="R94" s="3" t="s">
        <v>38</v>
      </c>
      <c r="S94" s="3" t="s">
        <v>179</v>
      </c>
      <c r="T94" s="3" t="s">
        <v>37</v>
      </c>
      <c r="U94" s="3" t="s">
        <v>37</v>
      </c>
      <c r="V94" s="3" t="s">
        <v>37</v>
      </c>
    </row>
    <row r="95" spans="1:22" x14ac:dyDescent="0.25">
      <c r="A95" s="3" t="s">
        <v>22</v>
      </c>
      <c r="B95" s="4" t="s">
        <v>397</v>
      </c>
      <c r="C95" s="3" t="s">
        <v>398</v>
      </c>
      <c r="D95" s="5" t="s">
        <v>435</v>
      </c>
      <c r="E95" s="3" t="s">
        <v>46</v>
      </c>
      <c r="F95" s="3" t="s">
        <v>181</v>
      </c>
      <c r="G95" s="3" t="s">
        <v>182</v>
      </c>
      <c r="H95" s="3" t="s">
        <v>64</v>
      </c>
      <c r="I95" s="3" t="s">
        <v>49</v>
      </c>
      <c r="J95" s="3" t="s">
        <v>183</v>
      </c>
      <c r="K95" s="3" t="s">
        <v>32</v>
      </c>
      <c r="L95" s="3" t="s">
        <v>33</v>
      </c>
      <c r="M95" s="3" t="s">
        <v>34</v>
      </c>
      <c r="N95" s="3" t="s">
        <v>35</v>
      </c>
      <c r="O95" s="3" t="s">
        <v>52</v>
      </c>
      <c r="P95" s="3" t="s">
        <v>37</v>
      </c>
      <c r="Q95" s="3" t="s">
        <v>37</v>
      </c>
      <c r="R95" s="3" t="s">
        <v>38</v>
      </c>
      <c r="S95" s="3" t="s">
        <v>184</v>
      </c>
      <c r="T95" s="3" t="s">
        <v>37</v>
      </c>
      <c r="U95" s="3" t="s">
        <v>37</v>
      </c>
      <c r="V95" s="3" t="s">
        <v>37</v>
      </c>
    </row>
    <row r="96" spans="1:22" x14ac:dyDescent="0.25">
      <c r="A96" s="3" t="s">
        <v>22</v>
      </c>
      <c r="B96" s="4" t="s">
        <v>397</v>
      </c>
      <c r="C96" s="3" t="s">
        <v>398</v>
      </c>
      <c r="D96" s="5" t="s">
        <v>436</v>
      </c>
      <c r="E96" s="3" t="s">
        <v>437</v>
      </c>
      <c r="F96" s="3" t="s">
        <v>438</v>
      </c>
      <c r="G96" s="3" t="s">
        <v>439</v>
      </c>
      <c r="H96" s="3" t="s">
        <v>64</v>
      </c>
      <c r="I96" s="3" t="s">
        <v>440</v>
      </c>
      <c r="J96" s="3" t="s">
        <v>441</v>
      </c>
      <c r="K96" s="3" t="s">
        <v>32</v>
      </c>
      <c r="L96" s="3" t="s">
        <v>33</v>
      </c>
      <c r="M96" s="3" t="s">
        <v>34</v>
      </c>
      <c r="N96" s="3" t="s">
        <v>72</v>
      </c>
      <c r="O96" s="3" t="s">
        <v>119</v>
      </c>
      <c r="P96" s="3" t="s">
        <v>37</v>
      </c>
      <c r="Q96" s="3" t="s">
        <v>73</v>
      </c>
      <c r="R96" s="3" t="s">
        <v>38</v>
      </c>
      <c r="S96" s="3" t="s">
        <v>442</v>
      </c>
      <c r="T96" s="3" t="s">
        <v>37</v>
      </c>
      <c r="U96" s="3" t="s">
        <v>37</v>
      </c>
      <c r="V96" s="3" t="s">
        <v>37</v>
      </c>
    </row>
    <row r="97" spans="1:22" x14ac:dyDescent="0.25">
      <c r="A97" s="3" t="s">
        <v>22</v>
      </c>
      <c r="B97" s="4" t="s">
        <v>397</v>
      </c>
      <c r="C97" s="3" t="s">
        <v>398</v>
      </c>
      <c r="D97" s="5" t="s">
        <v>109</v>
      </c>
      <c r="E97" s="3" t="s">
        <v>437</v>
      </c>
      <c r="F97" s="3" t="s">
        <v>443</v>
      </c>
      <c r="G97" s="3" t="s">
        <v>444</v>
      </c>
      <c r="H97" s="3" t="s">
        <v>64</v>
      </c>
      <c r="I97" s="3" t="s">
        <v>440</v>
      </c>
      <c r="J97" s="3" t="s">
        <v>445</v>
      </c>
      <c r="K97" s="3" t="s">
        <v>32</v>
      </c>
      <c r="L97" s="3" t="s">
        <v>33</v>
      </c>
      <c r="M97" s="3" t="s">
        <v>34</v>
      </c>
      <c r="N97" s="3" t="s">
        <v>72</v>
      </c>
      <c r="O97" s="3" t="s">
        <v>119</v>
      </c>
      <c r="P97" s="3" t="s">
        <v>37</v>
      </c>
      <c r="Q97" s="3" t="s">
        <v>73</v>
      </c>
      <c r="R97" s="3" t="s">
        <v>38</v>
      </c>
      <c r="S97" s="3" t="s">
        <v>446</v>
      </c>
      <c r="T97" s="3" t="s">
        <v>37</v>
      </c>
      <c r="U97" s="3" t="s">
        <v>37</v>
      </c>
      <c r="V97" s="3" t="s">
        <v>37</v>
      </c>
    </row>
    <row r="98" spans="1:22" x14ac:dyDescent="0.25">
      <c r="A98" s="3" t="s">
        <v>22</v>
      </c>
      <c r="B98" s="4" t="s">
        <v>397</v>
      </c>
      <c r="C98" s="3" t="s">
        <v>398</v>
      </c>
      <c r="D98" s="5" t="s">
        <v>447</v>
      </c>
      <c r="E98" s="3" t="s">
        <v>437</v>
      </c>
      <c r="F98" s="3" t="s">
        <v>448</v>
      </c>
      <c r="G98" s="3" t="s">
        <v>106</v>
      </c>
      <c r="H98" s="3" t="s">
        <v>64</v>
      </c>
      <c r="I98" s="3" t="s">
        <v>440</v>
      </c>
      <c r="J98" s="3" t="s">
        <v>449</v>
      </c>
      <c r="K98" s="3" t="s">
        <v>32</v>
      </c>
      <c r="L98" s="3" t="s">
        <v>33</v>
      </c>
      <c r="M98" s="3" t="s">
        <v>34</v>
      </c>
      <c r="N98" s="3" t="s">
        <v>72</v>
      </c>
      <c r="O98" s="3" t="s">
        <v>119</v>
      </c>
      <c r="P98" s="3" t="s">
        <v>37</v>
      </c>
      <c r="Q98" s="3" t="s">
        <v>73</v>
      </c>
      <c r="R98" s="3" t="s">
        <v>38</v>
      </c>
      <c r="S98" s="3" t="s">
        <v>450</v>
      </c>
      <c r="T98" s="3" t="s">
        <v>37</v>
      </c>
      <c r="U98" s="3" t="s">
        <v>37</v>
      </c>
      <c r="V98" s="3" t="s">
        <v>37</v>
      </c>
    </row>
    <row r="99" spans="1:22" x14ac:dyDescent="0.25">
      <c r="A99" s="3" t="s">
        <v>22</v>
      </c>
      <c r="B99" s="4" t="s">
        <v>397</v>
      </c>
      <c r="C99" s="3" t="s">
        <v>398</v>
      </c>
      <c r="D99" s="5" t="s">
        <v>451</v>
      </c>
      <c r="E99" s="3" t="s">
        <v>437</v>
      </c>
      <c r="F99" s="3" t="s">
        <v>452</v>
      </c>
      <c r="G99" s="3" t="s">
        <v>286</v>
      </c>
      <c r="H99" s="3" t="s">
        <v>64</v>
      </c>
      <c r="I99" s="3" t="s">
        <v>440</v>
      </c>
      <c r="J99" s="3" t="s">
        <v>453</v>
      </c>
      <c r="K99" s="3" t="s">
        <v>32</v>
      </c>
      <c r="L99" s="3" t="s">
        <v>33</v>
      </c>
      <c r="M99" s="3" t="s">
        <v>34</v>
      </c>
      <c r="N99" s="3" t="s">
        <v>72</v>
      </c>
      <c r="O99" s="3" t="s">
        <v>119</v>
      </c>
      <c r="P99" s="3" t="s">
        <v>37</v>
      </c>
      <c r="Q99" s="3" t="s">
        <v>73</v>
      </c>
      <c r="R99" s="3" t="s">
        <v>38</v>
      </c>
      <c r="S99" s="3" t="s">
        <v>454</v>
      </c>
      <c r="T99" s="3" t="s">
        <v>37</v>
      </c>
      <c r="U99" s="3" t="s">
        <v>37</v>
      </c>
      <c r="V99" s="3" t="s">
        <v>37</v>
      </c>
    </row>
    <row r="100" spans="1:22" x14ac:dyDescent="0.25">
      <c r="A100" s="3" t="s">
        <v>22</v>
      </c>
      <c r="B100" s="4" t="s">
        <v>397</v>
      </c>
      <c r="C100" s="3" t="s">
        <v>398</v>
      </c>
      <c r="D100" s="5" t="s">
        <v>455</v>
      </c>
      <c r="E100" s="3" t="s">
        <v>46</v>
      </c>
      <c r="F100" s="3" t="s">
        <v>215</v>
      </c>
      <c r="G100" s="3" t="s">
        <v>216</v>
      </c>
      <c r="H100" s="3" t="s">
        <v>78</v>
      </c>
      <c r="I100" s="3" t="s">
        <v>49</v>
      </c>
      <c r="J100" s="3" t="s">
        <v>217</v>
      </c>
      <c r="K100" s="3" t="s">
        <v>32</v>
      </c>
      <c r="L100" s="3" t="s">
        <v>33</v>
      </c>
      <c r="M100" s="3" t="s">
        <v>34</v>
      </c>
      <c r="N100" s="3" t="s">
        <v>67</v>
      </c>
      <c r="O100" s="3" t="s">
        <v>52</v>
      </c>
      <c r="P100" s="3" t="s">
        <v>53</v>
      </c>
      <c r="Q100" s="3" t="s">
        <v>37</v>
      </c>
      <c r="R100" s="3" t="s">
        <v>38</v>
      </c>
      <c r="S100" s="3" t="s">
        <v>218</v>
      </c>
      <c r="T100" s="3" t="s">
        <v>37</v>
      </c>
      <c r="U100" s="3" t="s">
        <v>37</v>
      </c>
      <c r="V100" s="3" t="s">
        <v>37</v>
      </c>
    </row>
    <row r="101" spans="1:22" x14ac:dyDescent="0.25">
      <c r="A101" s="3" t="s">
        <v>22</v>
      </c>
      <c r="B101" s="4" t="s">
        <v>397</v>
      </c>
      <c r="C101" s="3" t="s">
        <v>398</v>
      </c>
      <c r="D101" s="5" t="s">
        <v>319</v>
      </c>
      <c r="E101" s="3" t="s">
        <v>46</v>
      </c>
      <c r="F101" s="3" t="s">
        <v>353</v>
      </c>
      <c r="G101" s="3" t="s">
        <v>354</v>
      </c>
      <c r="H101" s="3" t="s">
        <v>78</v>
      </c>
      <c r="I101" s="3" t="s">
        <v>49</v>
      </c>
      <c r="J101" s="3" t="s">
        <v>355</v>
      </c>
      <c r="K101" s="3" t="s">
        <v>32</v>
      </c>
      <c r="L101" s="3" t="s">
        <v>33</v>
      </c>
      <c r="M101" s="3" t="s">
        <v>34</v>
      </c>
      <c r="N101" s="3" t="s">
        <v>67</v>
      </c>
      <c r="O101" s="3" t="s">
        <v>52</v>
      </c>
      <c r="P101" s="3" t="s">
        <v>53</v>
      </c>
      <c r="Q101" s="3" t="s">
        <v>37</v>
      </c>
      <c r="R101" s="3" t="s">
        <v>38</v>
      </c>
      <c r="S101" s="3" t="s">
        <v>356</v>
      </c>
      <c r="T101" s="3" t="s">
        <v>37</v>
      </c>
      <c r="U101" s="3" t="s">
        <v>37</v>
      </c>
      <c r="V101" s="3" t="s">
        <v>37</v>
      </c>
    </row>
    <row r="102" spans="1:22" x14ac:dyDescent="0.25">
      <c r="A102" s="3" t="s">
        <v>22</v>
      </c>
      <c r="B102" s="4" t="s">
        <v>397</v>
      </c>
      <c r="C102" s="3" t="s">
        <v>398</v>
      </c>
      <c r="D102" s="5" t="s">
        <v>131</v>
      </c>
      <c r="E102" s="3" t="s">
        <v>147</v>
      </c>
      <c r="F102" s="3" t="s">
        <v>456</v>
      </c>
      <c r="G102" s="3" t="s">
        <v>253</v>
      </c>
      <c r="H102" s="3" t="s">
        <v>29</v>
      </c>
      <c r="I102" s="3" t="s">
        <v>37</v>
      </c>
      <c r="J102" s="3" t="s">
        <v>457</v>
      </c>
      <c r="K102" s="3" t="s">
        <v>32</v>
      </c>
      <c r="L102" s="3" t="s">
        <v>33</v>
      </c>
      <c r="M102" s="3" t="s">
        <v>34</v>
      </c>
      <c r="N102" s="3" t="s">
        <v>80</v>
      </c>
      <c r="O102" s="3" t="s">
        <v>52</v>
      </c>
      <c r="P102" s="3" t="s">
        <v>37</v>
      </c>
      <c r="Q102" s="3" t="s">
        <v>37</v>
      </c>
      <c r="R102" s="3" t="s">
        <v>38</v>
      </c>
      <c r="S102" s="3" t="s">
        <v>458</v>
      </c>
      <c r="T102" s="3" t="s">
        <v>37</v>
      </c>
      <c r="U102" s="3" t="s">
        <v>37</v>
      </c>
      <c r="V102" s="3" t="s">
        <v>37</v>
      </c>
    </row>
    <row r="103" spans="1:22" x14ac:dyDescent="0.25">
      <c r="A103" s="3" t="s">
        <v>22</v>
      </c>
      <c r="B103" s="4" t="s">
        <v>397</v>
      </c>
      <c r="C103" s="3" t="s">
        <v>398</v>
      </c>
      <c r="D103" s="5" t="s">
        <v>459</v>
      </c>
      <c r="E103" s="3" t="s">
        <v>147</v>
      </c>
      <c r="F103" s="3" t="s">
        <v>460</v>
      </c>
      <c r="G103" s="3" t="s">
        <v>291</v>
      </c>
      <c r="H103" s="3" t="s">
        <v>64</v>
      </c>
      <c r="I103" s="3" t="s">
        <v>150</v>
      </c>
      <c r="J103" s="3" t="s">
        <v>461</v>
      </c>
      <c r="K103" s="3" t="s">
        <v>32</v>
      </c>
      <c r="L103" s="3" t="s">
        <v>33</v>
      </c>
      <c r="M103" s="3" t="s">
        <v>34</v>
      </c>
      <c r="N103" s="3" t="s">
        <v>137</v>
      </c>
      <c r="O103" s="3" t="s">
        <v>152</v>
      </c>
      <c r="P103" s="3" t="s">
        <v>37</v>
      </c>
      <c r="Q103" s="3" t="s">
        <v>37</v>
      </c>
      <c r="R103" s="3" t="s">
        <v>38</v>
      </c>
      <c r="S103" s="3" t="s">
        <v>462</v>
      </c>
      <c r="T103" s="3" t="s">
        <v>37</v>
      </c>
      <c r="U103" s="3" t="s">
        <v>37</v>
      </c>
      <c r="V103" s="3" t="s">
        <v>37</v>
      </c>
    </row>
    <row r="104" spans="1:22" x14ac:dyDescent="0.25">
      <c r="A104" s="3" t="s">
        <v>22</v>
      </c>
      <c r="B104" s="4" t="s">
        <v>397</v>
      </c>
      <c r="C104" s="3" t="s">
        <v>398</v>
      </c>
      <c r="D104" s="5" t="s">
        <v>145</v>
      </c>
      <c r="E104" s="3" t="s">
        <v>463</v>
      </c>
      <c r="F104" s="3" t="s">
        <v>464</v>
      </c>
      <c r="G104" s="3" t="s">
        <v>465</v>
      </c>
      <c r="H104" s="3" t="s">
        <v>78</v>
      </c>
      <c r="I104" s="3" t="s">
        <v>466</v>
      </c>
      <c r="J104" s="3" t="s">
        <v>467</v>
      </c>
      <c r="K104" s="3" t="s">
        <v>32</v>
      </c>
      <c r="L104" s="3" t="s">
        <v>33</v>
      </c>
      <c r="M104" s="3" t="s">
        <v>66</v>
      </c>
      <c r="N104" s="3" t="s">
        <v>468</v>
      </c>
      <c r="O104" s="3" t="s">
        <v>52</v>
      </c>
      <c r="P104" s="3" t="s">
        <v>37</v>
      </c>
      <c r="Q104" s="3" t="s">
        <v>37</v>
      </c>
      <c r="R104" s="3" t="s">
        <v>38</v>
      </c>
      <c r="S104" s="3" t="s">
        <v>469</v>
      </c>
      <c r="T104" s="3" t="s">
        <v>37</v>
      </c>
      <c r="U104" s="3" t="s">
        <v>37</v>
      </c>
      <c r="V104" s="3" t="s">
        <v>37</v>
      </c>
    </row>
    <row r="105" spans="1:22" x14ac:dyDescent="0.25">
      <c r="A105" s="3" t="s">
        <v>22</v>
      </c>
      <c r="B105" s="4" t="s">
        <v>397</v>
      </c>
      <c r="C105" s="3" t="s">
        <v>398</v>
      </c>
      <c r="D105" s="5" t="s">
        <v>154</v>
      </c>
      <c r="E105" s="3" t="s">
        <v>463</v>
      </c>
      <c r="F105" s="3" t="s">
        <v>470</v>
      </c>
      <c r="G105" s="3" t="s">
        <v>471</v>
      </c>
      <c r="H105" s="3" t="s">
        <v>78</v>
      </c>
      <c r="I105" s="3" t="s">
        <v>466</v>
      </c>
      <c r="J105" s="3" t="s">
        <v>472</v>
      </c>
      <c r="K105" s="3" t="s">
        <v>32</v>
      </c>
      <c r="L105" s="3" t="s">
        <v>33</v>
      </c>
      <c r="M105" s="3" t="s">
        <v>66</v>
      </c>
      <c r="N105" s="3" t="s">
        <v>468</v>
      </c>
      <c r="O105" s="3" t="s">
        <v>52</v>
      </c>
      <c r="P105" s="3" t="s">
        <v>37</v>
      </c>
      <c r="Q105" s="3" t="s">
        <v>37</v>
      </c>
      <c r="R105" s="3" t="s">
        <v>38</v>
      </c>
      <c r="S105" s="3" t="s">
        <v>473</v>
      </c>
      <c r="T105" s="3" t="s">
        <v>37</v>
      </c>
      <c r="U105" s="3" t="s">
        <v>37</v>
      </c>
      <c r="V105" s="3" t="s">
        <v>37</v>
      </c>
    </row>
    <row r="106" spans="1:22" x14ac:dyDescent="0.25">
      <c r="A106" s="3" t="s">
        <v>22</v>
      </c>
      <c r="B106" s="4" t="s">
        <v>397</v>
      </c>
      <c r="C106" s="3" t="s">
        <v>398</v>
      </c>
      <c r="D106" s="5" t="s">
        <v>164</v>
      </c>
      <c r="E106" s="3" t="s">
        <v>46</v>
      </c>
      <c r="F106" s="3" t="s">
        <v>474</v>
      </c>
      <c r="G106" s="3" t="s">
        <v>333</v>
      </c>
      <c r="H106" s="3" t="s">
        <v>29</v>
      </c>
      <c r="I106" s="3" t="s">
        <v>49</v>
      </c>
      <c r="J106" s="3" t="s">
        <v>475</v>
      </c>
      <c r="K106" s="3" t="s">
        <v>32</v>
      </c>
      <c r="L106" s="3" t="s">
        <v>33</v>
      </c>
      <c r="M106" s="3" t="s">
        <v>34</v>
      </c>
      <c r="N106" s="3" t="s">
        <v>51</v>
      </c>
      <c r="O106" s="3" t="s">
        <v>52</v>
      </c>
      <c r="P106" s="3" t="s">
        <v>53</v>
      </c>
      <c r="Q106" s="3" t="s">
        <v>37</v>
      </c>
      <c r="R106" s="3" t="s">
        <v>38</v>
      </c>
      <c r="S106" s="3" t="s">
        <v>476</v>
      </c>
      <c r="T106" s="3" t="s">
        <v>37</v>
      </c>
      <c r="U106" s="3" t="s">
        <v>37</v>
      </c>
      <c r="V106" s="3" t="s">
        <v>37</v>
      </c>
    </row>
    <row r="107" spans="1:22" x14ac:dyDescent="0.25">
      <c r="A107" s="3" t="s">
        <v>22</v>
      </c>
      <c r="B107" s="4" t="s">
        <v>397</v>
      </c>
      <c r="C107" s="3" t="s">
        <v>398</v>
      </c>
      <c r="D107" s="5" t="s">
        <v>170</v>
      </c>
      <c r="E107" s="3" t="s">
        <v>46</v>
      </c>
      <c r="F107" s="3" t="s">
        <v>477</v>
      </c>
      <c r="G107" s="3" t="s">
        <v>439</v>
      </c>
      <c r="H107" s="3" t="s">
        <v>64</v>
      </c>
      <c r="I107" s="3" t="s">
        <v>49</v>
      </c>
      <c r="J107" s="3" t="s">
        <v>478</v>
      </c>
      <c r="K107" s="3" t="s">
        <v>32</v>
      </c>
      <c r="L107" s="3" t="s">
        <v>33</v>
      </c>
      <c r="M107" s="3" t="s">
        <v>34</v>
      </c>
      <c r="N107" s="3" t="s">
        <v>35</v>
      </c>
      <c r="O107" s="3" t="s">
        <v>52</v>
      </c>
      <c r="P107" s="3" t="s">
        <v>53</v>
      </c>
      <c r="Q107" s="3" t="s">
        <v>73</v>
      </c>
      <c r="R107" s="3" t="s">
        <v>38</v>
      </c>
      <c r="S107" s="3" t="s">
        <v>479</v>
      </c>
      <c r="T107" s="3" t="s">
        <v>37</v>
      </c>
      <c r="U107" s="3" t="s">
        <v>37</v>
      </c>
      <c r="V107" s="3" t="s">
        <v>37</v>
      </c>
    </row>
    <row r="108" spans="1:22" x14ac:dyDescent="0.25">
      <c r="A108" s="3" t="s">
        <v>22</v>
      </c>
      <c r="B108" s="4" t="s">
        <v>397</v>
      </c>
      <c r="C108" s="3" t="s">
        <v>398</v>
      </c>
      <c r="D108" s="5" t="s">
        <v>175</v>
      </c>
      <c r="E108" s="3" t="s">
        <v>399</v>
      </c>
      <c r="F108" s="3" t="s">
        <v>480</v>
      </c>
      <c r="G108" s="3" t="s">
        <v>48</v>
      </c>
      <c r="H108" s="3" t="s">
        <v>29</v>
      </c>
      <c r="I108" s="3" t="s">
        <v>37</v>
      </c>
      <c r="J108" s="3" t="s">
        <v>481</v>
      </c>
      <c r="K108" s="3" t="s">
        <v>32</v>
      </c>
      <c r="L108" s="3" t="s">
        <v>33</v>
      </c>
      <c r="M108" s="3" t="s">
        <v>66</v>
      </c>
      <c r="N108" s="3" t="s">
        <v>80</v>
      </c>
      <c r="O108" s="3" t="s">
        <v>52</v>
      </c>
      <c r="P108" s="3" t="s">
        <v>37</v>
      </c>
      <c r="Q108" s="3" t="s">
        <v>37</v>
      </c>
      <c r="R108" s="3" t="s">
        <v>38</v>
      </c>
      <c r="S108" s="3" t="s">
        <v>482</v>
      </c>
      <c r="T108" s="3" t="s">
        <v>37</v>
      </c>
      <c r="U108" s="3" t="s">
        <v>37</v>
      </c>
      <c r="V108" s="3" t="s">
        <v>37</v>
      </c>
    </row>
    <row r="109" spans="1:22" x14ac:dyDescent="0.25">
      <c r="A109" s="3" t="s">
        <v>22</v>
      </c>
      <c r="B109" s="4" t="s">
        <v>397</v>
      </c>
      <c r="C109" s="3" t="s">
        <v>398</v>
      </c>
      <c r="D109" s="5" t="s">
        <v>180</v>
      </c>
      <c r="E109" s="3" t="s">
        <v>399</v>
      </c>
      <c r="F109" s="3" t="s">
        <v>483</v>
      </c>
      <c r="G109" s="3" t="s">
        <v>149</v>
      </c>
      <c r="H109" s="3" t="s">
        <v>29</v>
      </c>
      <c r="I109" s="3" t="s">
        <v>37</v>
      </c>
      <c r="J109" s="3" t="s">
        <v>484</v>
      </c>
      <c r="K109" s="3" t="s">
        <v>32</v>
      </c>
      <c r="L109" s="3" t="s">
        <v>33</v>
      </c>
      <c r="M109" s="3" t="s">
        <v>66</v>
      </c>
      <c r="N109" s="3" t="s">
        <v>80</v>
      </c>
      <c r="O109" s="3" t="s">
        <v>52</v>
      </c>
      <c r="P109" s="3" t="s">
        <v>37</v>
      </c>
      <c r="Q109" s="3" t="s">
        <v>37</v>
      </c>
      <c r="R109" s="3" t="s">
        <v>38</v>
      </c>
      <c r="S109" s="3" t="s">
        <v>485</v>
      </c>
      <c r="T109" s="3" t="s">
        <v>37</v>
      </c>
      <c r="U109" s="3" t="s">
        <v>37</v>
      </c>
      <c r="V109" s="3" t="s">
        <v>37</v>
      </c>
    </row>
    <row r="110" spans="1:22" x14ac:dyDescent="0.25">
      <c r="A110" s="3" t="s">
        <v>22</v>
      </c>
      <c r="B110" s="4" t="s">
        <v>397</v>
      </c>
      <c r="C110" s="3" t="s">
        <v>398</v>
      </c>
      <c r="D110" s="5" t="s">
        <v>185</v>
      </c>
      <c r="E110" s="3" t="s">
        <v>46</v>
      </c>
      <c r="F110" s="3" t="s">
        <v>201</v>
      </c>
      <c r="G110" s="3" t="s">
        <v>202</v>
      </c>
      <c r="H110" s="3" t="s">
        <v>29</v>
      </c>
      <c r="I110" s="3" t="s">
        <v>49</v>
      </c>
      <c r="J110" s="3" t="s">
        <v>203</v>
      </c>
      <c r="K110" s="3" t="s">
        <v>32</v>
      </c>
      <c r="L110" s="3" t="s">
        <v>33</v>
      </c>
      <c r="M110" s="3" t="s">
        <v>34</v>
      </c>
      <c r="N110" s="3" t="s">
        <v>51</v>
      </c>
      <c r="O110" s="3" t="s">
        <v>86</v>
      </c>
      <c r="P110" s="3" t="s">
        <v>53</v>
      </c>
      <c r="Q110" s="3" t="s">
        <v>37</v>
      </c>
      <c r="R110" s="3" t="s">
        <v>38</v>
      </c>
      <c r="S110" s="3" t="s">
        <v>204</v>
      </c>
      <c r="T110" s="3" t="s">
        <v>37</v>
      </c>
      <c r="U110" s="3" t="s">
        <v>37</v>
      </c>
      <c r="V110" s="3" t="s">
        <v>37</v>
      </c>
    </row>
    <row r="111" spans="1:22" x14ac:dyDescent="0.25">
      <c r="A111" s="3" t="s">
        <v>22</v>
      </c>
      <c r="B111" s="4" t="s">
        <v>397</v>
      </c>
      <c r="C111" s="3" t="s">
        <v>398</v>
      </c>
      <c r="D111" s="5" t="s">
        <v>190</v>
      </c>
      <c r="E111" s="3" t="s">
        <v>46</v>
      </c>
      <c r="F111" s="3" t="s">
        <v>206</v>
      </c>
      <c r="G111" s="3" t="s">
        <v>117</v>
      </c>
      <c r="H111" s="3" t="s">
        <v>29</v>
      </c>
      <c r="I111" s="3" t="s">
        <v>49</v>
      </c>
      <c r="J111" s="3" t="s">
        <v>207</v>
      </c>
      <c r="K111" s="3" t="s">
        <v>32</v>
      </c>
      <c r="L111" s="3" t="s">
        <v>33</v>
      </c>
      <c r="M111" s="3" t="s">
        <v>34</v>
      </c>
      <c r="N111" s="3" t="s">
        <v>51</v>
      </c>
      <c r="O111" s="3" t="s">
        <v>52</v>
      </c>
      <c r="P111" s="3" t="s">
        <v>53</v>
      </c>
      <c r="Q111" s="3" t="s">
        <v>37</v>
      </c>
      <c r="R111" s="3" t="s">
        <v>38</v>
      </c>
      <c r="S111" s="3" t="s">
        <v>208</v>
      </c>
      <c r="T111" s="3" t="s">
        <v>37</v>
      </c>
      <c r="U111" s="3" t="s">
        <v>37</v>
      </c>
      <c r="V111" s="3" t="s">
        <v>37</v>
      </c>
    </row>
    <row r="112" spans="1:22" x14ac:dyDescent="0.25">
      <c r="A112" s="3" t="s">
        <v>22</v>
      </c>
      <c r="B112" s="4" t="s">
        <v>397</v>
      </c>
      <c r="C112" s="3" t="s">
        <v>398</v>
      </c>
      <c r="D112" s="5" t="s">
        <v>195</v>
      </c>
      <c r="E112" s="3" t="s">
        <v>46</v>
      </c>
      <c r="F112" s="3" t="s">
        <v>210</v>
      </c>
      <c r="G112" s="3" t="s">
        <v>211</v>
      </c>
      <c r="H112" s="3" t="s">
        <v>78</v>
      </c>
      <c r="I112" s="3" t="s">
        <v>49</v>
      </c>
      <c r="J112" s="3" t="s">
        <v>212</v>
      </c>
      <c r="K112" s="3" t="s">
        <v>32</v>
      </c>
      <c r="L112" s="3" t="s">
        <v>33</v>
      </c>
      <c r="M112" s="3" t="s">
        <v>34</v>
      </c>
      <c r="N112" s="3" t="s">
        <v>67</v>
      </c>
      <c r="O112" s="3" t="s">
        <v>52</v>
      </c>
      <c r="P112" s="3" t="s">
        <v>53</v>
      </c>
      <c r="Q112" s="3" t="s">
        <v>37</v>
      </c>
      <c r="R112" s="3" t="s">
        <v>38</v>
      </c>
      <c r="S112" s="3" t="s">
        <v>213</v>
      </c>
      <c r="T112" s="3" t="s">
        <v>37</v>
      </c>
      <c r="U112" s="3" t="s">
        <v>37</v>
      </c>
      <c r="V112" s="3" t="s">
        <v>37</v>
      </c>
    </row>
    <row r="113" spans="1:22" x14ac:dyDescent="0.25">
      <c r="A113" s="3" t="s">
        <v>22</v>
      </c>
      <c r="B113" s="4" t="s">
        <v>397</v>
      </c>
      <c r="C113" s="3" t="s">
        <v>398</v>
      </c>
      <c r="D113" s="5" t="s">
        <v>200</v>
      </c>
      <c r="E113" s="3" t="s">
        <v>75</v>
      </c>
      <c r="F113" s="3" t="s">
        <v>486</v>
      </c>
      <c r="G113" s="3" t="s">
        <v>444</v>
      </c>
      <c r="H113" s="3" t="s">
        <v>64</v>
      </c>
      <c r="I113" s="3" t="s">
        <v>282</v>
      </c>
      <c r="J113" s="3" t="s">
        <v>487</v>
      </c>
      <c r="K113" s="3" t="s">
        <v>32</v>
      </c>
      <c r="L113" s="3" t="s">
        <v>33</v>
      </c>
      <c r="M113" s="3" t="s">
        <v>66</v>
      </c>
      <c r="N113" s="3" t="s">
        <v>51</v>
      </c>
      <c r="O113" s="3" t="s">
        <v>52</v>
      </c>
      <c r="P113" s="3" t="s">
        <v>37</v>
      </c>
      <c r="Q113" s="3" t="s">
        <v>37</v>
      </c>
      <c r="R113" s="3" t="s">
        <v>38</v>
      </c>
      <c r="S113" s="3" t="s">
        <v>488</v>
      </c>
      <c r="T113" s="3" t="s">
        <v>37</v>
      </c>
      <c r="U113" s="3" t="s">
        <v>37</v>
      </c>
      <c r="V113" s="3" t="s">
        <v>37</v>
      </c>
    </row>
    <row r="114" spans="1:22" x14ac:dyDescent="0.25">
      <c r="A114" s="3" t="s">
        <v>22</v>
      </c>
      <c r="B114" s="4" t="s">
        <v>397</v>
      </c>
      <c r="C114" s="3" t="s">
        <v>398</v>
      </c>
      <c r="D114" s="5" t="s">
        <v>205</v>
      </c>
      <c r="E114" s="3" t="s">
        <v>75</v>
      </c>
      <c r="F114" s="3" t="s">
        <v>281</v>
      </c>
      <c r="G114" s="3" t="s">
        <v>106</v>
      </c>
      <c r="H114" s="3" t="s">
        <v>64</v>
      </c>
      <c r="I114" s="3" t="s">
        <v>282</v>
      </c>
      <c r="J114" s="3" t="s">
        <v>283</v>
      </c>
      <c r="K114" s="3" t="s">
        <v>32</v>
      </c>
      <c r="L114" s="3" t="s">
        <v>33</v>
      </c>
      <c r="M114" s="3" t="s">
        <v>66</v>
      </c>
      <c r="N114" s="3" t="s">
        <v>51</v>
      </c>
      <c r="O114" s="3" t="s">
        <v>52</v>
      </c>
      <c r="P114" s="3" t="s">
        <v>37</v>
      </c>
      <c r="Q114" s="3" t="s">
        <v>37</v>
      </c>
      <c r="R114" s="3" t="s">
        <v>38</v>
      </c>
      <c r="S114" s="3" t="s">
        <v>284</v>
      </c>
      <c r="T114" s="3" t="s">
        <v>37</v>
      </c>
      <c r="U114" s="3" t="s">
        <v>37</v>
      </c>
      <c r="V114" s="3" t="s">
        <v>37</v>
      </c>
    </row>
    <row r="115" spans="1:22" x14ac:dyDescent="0.25">
      <c r="A115" s="3" t="s">
        <v>22</v>
      </c>
      <c r="B115" s="4" t="s">
        <v>397</v>
      </c>
      <c r="C115" s="3" t="s">
        <v>398</v>
      </c>
      <c r="D115" s="5" t="s">
        <v>489</v>
      </c>
      <c r="E115" s="3" t="s">
        <v>490</v>
      </c>
      <c r="F115" s="3" t="s">
        <v>491</v>
      </c>
      <c r="G115" s="3" t="s">
        <v>286</v>
      </c>
      <c r="H115" s="3" t="s">
        <v>64</v>
      </c>
      <c r="I115" s="3" t="s">
        <v>492</v>
      </c>
      <c r="J115" s="3" t="s">
        <v>493</v>
      </c>
      <c r="K115" s="3" t="s">
        <v>32</v>
      </c>
      <c r="L115" s="3" t="s">
        <v>494</v>
      </c>
      <c r="M115" s="3" t="s">
        <v>34</v>
      </c>
      <c r="N115" s="3" t="s">
        <v>35</v>
      </c>
      <c r="O115" s="3" t="s">
        <v>86</v>
      </c>
      <c r="P115" s="3" t="s">
        <v>37</v>
      </c>
      <c r="Q115" s="3" t="s">
        <v>37</v>
      </c>
      <c r="R115" s="3" t="s">
        <v>38</v>
      </c>
      <c r="S115" s="3" t="s">
        <v>495</v>
      </c>
      <c r="T115" s="3" t="s">
        <v>37</v>
      </c>
      <c r="U115" s="3" t="s">
        <v>37</v>
      </c>
      <c r="V115" s="3" t="s">
        <v>37</v>
      </c>
    </row>
    <row r="116" spans="1:22" x14ac:dyDescent="0.25">
      <c r="A116" s="3" t="s">
        <v>22</v>
      </c>
      <c r="B116" s="4" t="s">
        <v>397</v>
      </c>
      <c r="C116" s="3" t="s">
        <v>398</v>
      </c>
      <c r="D116" s="5" t="s">
        <v>496</v>
      </c>
      <c r="E116" s="3" t="s">
        <v>490</v>
      </c>
      <c r="F116" s="3" t="s">
        <v>497</v>
      </c>
      <c r="G116" s="3" t="s">
        <v>291</v>
      </c>
      <c r="H116" s="3" t="s">
        <v>64</v>
      </c>
      <c r="I116" s="3" t="s">
        <v>498</v>
      </c>
      <c r="J116" s="3" t="s">
        <v>499</v>
      </c>
      <c r="K116" s="3" t="s">
        <v>32</v>
      </c>
      <c r="L116" s="3" t="s">
        <v>494</v>
      </c>
      <c r="M116" s="3" t="s">
        <v>34</v>
      </c>
      <c r="N116" s="3" t="s">
        <v>35</v>
      </c>
      <c r="O116" s="3" t="s">
        <v>86</v>
      </c>
      <c r="P116" s="3" t="s">
        <v>37</v>
      </c>
      <c r="Q116" s="3" t="s">
        <v>37</v>
      </c>
      <c r="R116" s="3" t="s">
        <v>38</v>
      </c>
      <c r="S116" s="3" t="s">
        <v>500</v>
      </c>
      <c r="T116" s="3" t="s">
        <v>37</v>
      </c>
      <c r="U116" s="3" t="s">
        <v>37</v>
      </c>
      <c r="V116" s="3" t="s">
        <v>37</v>
      </c>
    </row>
    <row r="117" spans="1:22" x14ac:dyDescent="0.25">
      <c r="A117" s="3" t="s">
        <v>22</v>
      </c>
      <c r="B117" s="4" t="s">
        <v>397</v>
      </c>
      <c r="C117" s="3" t="s">
        <v>398</v>
      </c>
      <c r="D117" s="5" t="s">
        <v>219</v>
      </c>
      <c r="E117" s="3" t="s">
        <v>501</v>
      </c>
      <c r="F117" s="3" t="s">
        <v>502</v>
      </c>
      <c r="G117" s="3" t="s">
        <v>503</v>
      </c>
      <c r="H117" s="3" t="s">
        <v>225</v>
      </c>
      <c r="I117" s="3" t="s">
        <v>37</v>
      </c>
      <c r="J117" s="3" t="s">
        <v>504</v>
      </c>
      <c r="K117" s="3" t="s">
        <v>32</v>
      </c>
      <c r="L117" s="3" t="s">
        <v>101</v>
      </c>
      <c r="M117" s="3" t="s">
        <v>66</v>
      </c>
      <c r="N117" s="3" t="s">
        <v>67</v>
      </c>
      <c r="O117" s="3" t="s">
        <v>86</v>
      </c>
      <c r="P117" s="3" t="s">
        <v>53</v>
      </c>
      <c r="Q117" s="3" t="s">
        <v>37</v>
      </c>
      <c r="R117" s="3" t="s">
        <v>38</v>
      </c>
      <c r="S117" s="3" t="s">
        <v>505</v>
      </c>
      <c r="T117" s="3" t="s">
        <v>37</v>
      </c>
      <c r="U117" s="3" t="s">
        <v>37</v>
      </c>
      <c r="V117" s="3" t="s">
        <v>37</v>
      </c>
    </row>
    <row r="118" spans="1:22" x14ac:dyDescent="0.25">
      <c r="A118" s="3" t="s">
        <v>22</v>
      </c>
      <c r="B118" s="4" t="s">
        <v>397</v>
      </c>
      <c r="C118" s="3" t="s">
        <v>398</v>
      </c>
      <c r="D118" s="5" t="s">
        <v>223</v>
      </c>
      <c r="E118" s="3" t="s">
        <v>501</v>
      </c>
      <c r="F118" s="3" t="s">
        <v>506</v>
      </c>
      <c r="G118" s="3" t="s">
        <v>507</v>
      </c>
      <c r="H118" s="3" t="s">
        <v>225</v>
      </c>
      <c r="I118" s="3" t="s">
        <v>37</v>
      </c>
      <c r="J118" s="3" t="s">
        <v>508</v>
      </c>
      <c r="K118" s="3" t="s">
        <v>32</v>
      </c>
      <c r="L118" s="3" t="s">
        <v>101</v>
      </c>
      <c r="M118" s="3" t="s">
        <v>66</v>
      </c>
      <c r="N118" s="3" t="s">
        <v>67</v>
      </c>
      <c r="O118" s="3" t="s">
        <v>36</v>
      </c>
      <c r="P118" s="3" t="s">
        <v>53</v>
      </c>
      <c r="Q118" s="3" t="s">
        <v>37</v>
      </c>
      <c r="R118" s="3" t="s">
        <v>38</v>
      </c>
      <c r="S118" s="3" t="s">
        <v>509</v>
      </c>
      <c r="T118" s="3" t="s">
        <v>37</v>
      </c>
      <c r="U118" s="3" t="s">
        <v>37</v>
      </c>
      <c r="V118" s="3" t="s">
        <v>37</v>
      </c>
    </row>
    <row r="119" spans="1:22" x14ac:dyDescent="0.25">
      <c r="A119" s="3" t="s">
        <v>22</v>
      </c>
      <c r="B119" s="4" t="s">
        <v>397</v>
      </c>
      <c r="C119" s="3" t="s">
        <v>398</v>
      </c>
      <c r="D119" s="5" t="s">
        <v>228</v>
      </c>
      <c r="E119" s="3" t="s">
        <v>186</v>
      </c>
      <c r="F119" s="3" t="s">
        <v>191</v>
      </c>
      <c r="G119" s="3" t="s">
        <v>192</v>
      </c>
      <c r="H119" s="3" t="s">
        <v>29</v>
      </c>
      <c r="I119" s="3" t="s">
        <v>37</v>
      </c>
      <c r="J119" s="3" t="s">
        <v>193</v>
      </c>
      <c r="K119" s="3" t="s">
        <v>32</v>
      </c>
      <c r="L119" s="3" t="s">
        <v>101</v>
      </c>
      <c r="M119" s="3" t="s">
        <v>66</v>
      </c>
      <c r="N119" s="3" t="s">
        <v>80</v>
      </c>
      <c r="O119" s="3" t="s">
        <v>242</v>
      </c>
      <c r="P119" s="3" t="s">
        <v>53</v>
      </c>
      <c r="Q119" s="3" t="s">
        <v>37</v>
      </c>
      <c r="R119" s="3" t="s">
        <v>38</v>
      </c>
      <c r="S119" s="3" t="s">
        <v>194</v>
      </c>
      <c r="T119" s="3" t="s">
        <v>37</v>
      </c>
      <c r="U119" s="3" t="s">
        <v>37</v>
      </c>
      <c r="V119" s="3" t="s">
        <v>37</v>
      </c>
    </row>
    <row r="120" spans="1:22" x14ac:dyDescent="0.25">
      <c r="A120" s="3" t="s">
        <v>22</v>
      </c>
      <c r="B120" s="4" t="s">
        <v>397</v>
      </c>
      <c r="C120" s="3" t="s">
        <v>398</v>
      </c>
      <c r="D120" s="5" t="s">
        <v>233</v>
      </c>
      <c r="E120" s="3" t="s">
        <v>186</v>
      </c>
      <c r="F120" s="3" t="s">
        <v>196</v>
      </c>
      <c r="G120" s="3" t="s">
        <v>197</v>
      </c>
      <c r="H120" s="3" t="s">
        <v>29</v>
      </c>
      <c r="I120" s="3" t="s">
        <v>37</v>
      </c>
      <c r="J120" s="3" t="s">
        <v>198</v>
      </c>
      <c r="K120" s="3" t="s">
        <v>32</v>
      </c>
      <c r="L120" s="3" t="s">
        <v>101</v>
      </c>
      <c r="M120" s="3" t="s">
        <v>66</v>
      </c>
      <c r="N120" s="3" t="s">
        <v>80</v>
      </c>
      <c r="O120" s="3" t="s">
        <v>242</v>
      </c>
      <c r="P120" s="3" t="s">
        <v>37</v>
      </c>
      <c r="Q120" s="3" t="s">
        <v>37</v>
      </c>
      <c r="R120" s="3" t="s">
        <v>38</v>
      </c>
      <c r="S120" s="3" t="s">
        <v>199</v>
      </c>
      <c r="T120" s="3" t="s">
        <v>37</v>
      </c>
      <c r="U120" s="3" t="s">
        <v>37</v>
      </c>
      <c r="V120" s="3" t="s">
        <v>37</v>
      </c>
    </row>
    <row r="121" spans="1:22" x14ac:dyDescent="0.25">
      <c r="A121" s="3" t="s">
        <v>22</v>
      </c>
      <c r="B121" s="4" t="s">
        <v>397</v>
      </c>
      <c r="C121" s="3" t="s">
        <v>398</v>
      </c>
      <c r="D121" s="5" t="s">
        <v>238</v>
      </c>
      <c r="E121" s="3" t="s">
        <v>510</v>
      </c>
      <c r="F121" s="3" t="s">
        <v>511</v>
      </c>
      <c r="G121" s="3" t="s">
        <v>512</v>
      </c>
      <c r="H121" s="3" t="s">
        <v>64</v>
      </c>
      <c r="I121" s="3" t="s">
        <v>513</v>
      </c>
      <c r="J121" s="3" t="s">
        <v>514</v>
      </c>
      <c r="K121" s="3" t="s">
        <v>32</v>
      </c>
      <c r="L121" s="3" t="s">
        <v>101</v>
      </c>
      <c r="M121" s="3" t="s">
        <v>515</v>
      </c>
      <c r="N121" s="3" t="s">
        <v>516</v>
      </c>
      <c r="O121" s="3" t="s">
        <v>517</v>
      </c>
      <c r="P121" s="3" t="s">
        <v>53</v>
      </c>
      <c r="Q121" s="3" t="s">
        <v>73</v>
      </c>
      <c r="R121" s="3" t="s">
        <v>38</v>
      </c>
      <c r="S121" s="3" t="s">
        <v>518</v>
      </c>
      <c r="T121" s="3" t="s">
        <v>37</v>
      </c>
      <c r="U121" s="3" t="s">
        <v>37</v>
      </c>
      <c r="V121" s="3" t="s">
        <v>37</v>
      </c>
    </row>
    <row r="122" spans="1:22" x14ac:dyDescent="0.25">
      <c r="A122" s="3"/>
      <c r="B122" s="4"/>
      <c r="C122" s="3"/>
      <c r="D122" s="5"/>
      <c r="E122" s="6" t="s">
        <v>248</v>
      </c>
      <c r="F122" s="3"/>
      <c r="G122" s="3"/>
      <c r="H122" s="3"/>
      <c r="I122" s="3"/>
      <c r="J122" s="3"/>
      <c r="K122" s="3"/>
      <c r="L122" s="3"/>
      <c r="M122" s="3"/>
      <c r="N122" s="3"/>
      <c r="O122" s="3"/>
      <c r="P122" s="3"/>
      <c r="Q122" s="3"/>
      <c r="R122" s="3"/>
      <c r="S122" s="3"/>
      <c r="T122" s="3"/>
      <c r="U122" s="3"/>
      <c r="V122" s="3"/>
    </row>
    <row r="123" spans="1:22" x14ac:dyDescent="0.25">
      <c r="A123" s="3"/>
      <c r="B123" s="4"/>
      <c r="C123" s="3"/>
      <c r="D123" s="5"/>
      <c r="E123" s="6"/>
      <c r="F123" s="3"/>
      <c r="G123" s="3"/>
      <c r="H123" s="3"/>
      <c r="I123" s="3"/>
      <c r="J123" s="3"/>
      <c r="K123" s="3"/>
      <c r="L123" s="3"/>
      <c r="M123" s="3"/>
      <c r="N123" s="3"/>
      <c r="O123" s="3"/>
      <c r="P123" s="3"/>
      <c r="Q123" s="3"/>
      <c r="R123" s="3"/>
      <c r="S123" s="3"/>
      <c r="T123" s="3"/>
      <c r="U123" s="3"/>
      <c r="V123" s="3"/>
    </row>
    <row r="124" spans="1:22" x14ac:dyDescent="0.25">
      <c r="A124" s="3" t="s">
        <v>22</v>
      </c>
      <c r="B124" s="4" t="s">
        <v>519</v>
      </c>
      <c r="C124" s="3" t="s">
        <v>520</v>
      </c>
      <c r="D124" s="5" t="s">
        <v>25</v>
      </c>
      <c r="E124" s="3" t="s">
        <v>399</v>
      </c>
      <c r="F124" s="3" t="s">
        <v>521</v>
      </c>
      <c r="G124" s="3" t="s">
        <v>522</v>
      </c>
      <c r="H124" s="3" t="s">
        <v>29</v>
      </c>
      <c r="I124" s="3" t="s">
        <v>37</v>
      </c>
      <c r="J124" s="3" t="s">
        <v>523</v>
      </c>
      <c r="K124" s="3" t="s">
        <v>32</v>
      </c>
      <c r="L124" s="3" t="s">
        <v>33</v>
      </c>
      <c r="M124" s="3" t="s">
        <v>66</v>
      </c>
      <c r="N124" s="3" t="s">
        <v>80</v>
      </c>
      <c r="O124" s="3" t="s">
        <v>52</v>
      </c>
      <c r="P124" s="3" t="s">
        <v>37</v>
      </c>
      <c r="Q124" s="3" t="s">
        <v>37</v>
      </c>
      <c r="R124" s="3" t="s">
        <v>38</v>
      </c>
      <c r="S124" s="3" t="s">
        <v>524</v>
      </c>
      <c r="T124" s="3" t="s">
        <v>37</v>
      </c>
      <c r="U124" s="3" t="s">
        <v>37</v>
      </c>
      <c r="V124" s="3" t="s">
        <v>37</v>
      </c>
    </row>
    <row r="125" spans="1:22" x14ac:dyDescent="0.25">
      <c r="A125" s="3" t="s">
        <v>22</v>
      </c>
      <c r="B125" s="4" t="s">
        <v>519</v>
      </c>
      <c r="C125" s="3" t="s">
        <v>520</v>
      </c>
      <c r="D125" s="5" t="s">
        <v>40</v>
      </c>
      <c r="E125" s="3" t="s">
        <v>399</v>
      </c>
      <c r="F125" s="3" t="s">
        <v>525</v>
      </c>
      <c r="G125" s="3" t="s">
        <v>526</v>
      </c>
      <c r="H125" s="3" t="s">
        <v>29</v>
      </c>
      <c r="I125" s="3" t="s">
        <v>37</v>
      </c>
      <c r="J125" s="3" t="s">
        <v>527</v>
      </c>
      <c r="K125" s="3" t="s">
        <v>32</v>
      </c>
      <c r="L125" s="3" t="s">
        <v>33</v>
      </c>
      <c r="M125" s="3" t="s">
        <v>66</v>
      </c>
      <c r="N125" s="3" t="s">
        <v>80</v>
      </c>
      <c r="O125" s="3" t="s">
        <v>36</v>
      </c>
      <c r="P125" s="3" t="s">
        <v>37</v>
      </c>
      <c r="Q125" s="3" t="s">
        <v>37</v>
      </c>
      <c r="R125" s="3" t="s">
        <v>38</v>
      </c>
      <c r="S125" s="3" t="s">
        <v>528</v>
      </c>
      <c r="T125" s="3" t="s">
        <v>37</v>
      </c>
      <c r="U125" s="3" t="s">
        <v>37</v>
      </c>
      <c r="V125" s="3" t="s">
        <v>37</v>
      </c>
    </row>
    <row r="126" spans="1:22" x14ac:dyDescent="0.25">
      <c r="A126" s="3" t="s">
        <v>22</v>
      </c>
      <c r="B126" s="4" t="s">
        <v>519</v>
      </c>
      <c r="C126" s="3" t="s">
        <v>520</v>
      </c>
      <c r="D126" s="5" t="s">
        <v>45</v>
      </c>
      <c r="E126" s="3" t="s">
        <v>46</v>
      </c>
      <c r="F126" s="3" t="s">
        <v>529</v>
      </c>
      <c r="G126" s="3" t="s">
        <v>530</v>
      </c>
      <c r="H126" s="3" t="s">
        <v>29</v>
      </c>
      <c r="I126" s="3" t="s">
        <v>49</v>
      </c>
      <c r="J126" s="3" t="s">
        <v>531</v>
      </c>
      <c r="K126" s="3" t="s">
        <v>32</v>
      </c>
      <c r="L126" s="3" t="s">
        <v>33</v>
      </c>
      <c r="M126" s="3" t="s">
        <v>34</v>
      </c>
      <c r="N126" s="3" t="s">
        <v>51</v>
      </c>
      <c r="O126" s="3" t="s">
        <v>52</v>
      </c>
      <c r="P126" s="3" t="s">
        <v>53</v>
      </c>
      <c r="Q126" s="3" t="s">
        <v>37</v>
      </c>
      <c r="R126" s="3" t="s">
        <v>38</v>
      </c>
      <c r="S126" s="3" t="s">
        <v>532</v>
      </c>
      <c r="T126" s="3" t="s">
        <v>37</v>
      </c>
      <c r="U126" s="3" t="s">
        <v>37</v>
      </c>
      <c r="V126" s="3" t="s">
        <v>37</v>
      </c>
    </row>
    <row r="127" spans="1:22" x14ac:dyDescent="0.25">
      <c r="A127" s="3" t="s">
        <v>22</v>
      </c>
      <c r="B127" s="4" t="s">
        <v>519</v>
      </c>
      <c r="C127" s="3" t="s">
        <v>520</v>
      </c>
      <c r="D127" s="5" t="s">
        <v>55</v>
      </c>
      <c r="E127" s="3" t="s">
        <v>46</v>
      </c>
      <c r="F127" s="3" t="s">
        <v>474</v>
      </c>
      <c r="G127" s="3" t="s">
        <v>333</v>
      </c>
      <c r="H127" s="3" t="s">
        <v>29</v>
      </c>
      <c r="I127" s="3" t="s">
        <v>49</v>
      </c>
      <c r="J127" s="3" t="s">
        <v>475</v>
      </c>
      <c r="K127" s="3" t="s">
        <v>32</v>
      </c>
      <c r="L127" s="3" t="s">
        <v>33</v>
      </c>
      <c r="M127" s="3" t="s">
        <v>34</v>
      </c>
      <c r="N127" s="3" t="s">
        <v>51</v>
      </c>
      <c r="O127" s="3" t="s">
        <v>52</v>
      </c>
      <c r="P127" s="3" t="s">
        <v>53</v>
      </c>
      <c r="Q127" s="3" t="s">
        <v>37</v>
      </c>
      <c r="R127" s="3" t="s">
        <v>38</v>
      </c>
      <c r="S127" s="3" t="s">
        <v>476</v>
      </c>
      <c r="T127" s="3" t="s">
        <v>37</v>
      </c>
      <c r="U127" s="3" t="s">
        <v>37</v>
      </c>
      <c r="V127" s="3" t="s">
        <v>37</v>
      </c>
    </row>
    <row r="128" spans="1:22" x14ac:dyDescent="0.25">
      <c r="A128" s="3" t="s">
        <v>22</v>
      </c>
      <c r="B128" s="4" t="s">
        <v>519</v>
      </c>
      <c r="C128" s="3" t="s">
        <v>520</v>
      </c>
      <c r="D128" s="5" t="s">
        <v>60</v>
      </c>
      <c r="E128" s="3" t="s">
        <v>75</v>
      </c>
      <c r="F128" s="3" t="s">
        <v>533</v>
      </c>
      <c r="G128" s="3" t="s">
        <v>48</v>
      </c>
      <c r="H128" s="3" t="s">
        <v>29</v>
      </c>
      <c r="I128" s="3" t="s">
        <v>167</v>
      </c>
      <c r="J128" s="3" t="s">
        <v>534</v>
      </c>
      <c r="K128" s="3" t="s">
        <v>32</v>
      </c>
      <c r="L128" s="3" t="s">
        <v>33</v>
      </c>
      <c r="M128" s="3" t="s">
        <v>66</v>
      </c>
      <c r="N128" s="3" t="s">
        <v>137</v>
      </c>
      <c r="O128" s="3" t="s">
        <v>52</v>
      </c>
      <c r="P128" s="3" t="s">
        <v>53</v>
      </c>
      <c r="Q128" s="3" t="s">
        <v>37</v>
      </c>
      <c r="R128" s="3" t="s">
        <v>38</v>
      </c>
      <c r="S128" s="3" t="s">
        <v>535</v>
      </c>
      <c r="T128" s="3" t="s">
        <v>37</v>
      </c>
      <c r="U128" s="3" t="s">
        <v>37</v>
      </c>
      <c r="V128" s="3" t="s">
        <v>37</v>
      </c>
    </row>
    <row r="129" spans="1:22" x14ac:dyDescent="0.25">
      <c r="A129" s="3" t="s">
        <v>22</v>
      </c>
      <c r="B129" s="4" t="s">
        <v>519</v>
      </c>
      <c r="C129" s="3" t="s">
        <v>520</v>
      </c>
      <c r="D129" s="5" t="s">
        <v>70</v>
      </c>
      <c r="E129" s="3" t="s">
        <v>75</v>
      </c>
      <c r="F129" s="3" t="s">
        <v>295</v>
      </c>
      <c r="G129" s="3" t="s">
        <v>63</v>
      </c>
      <c r="H129" s="3" t="s">
        <v>64</v>
      </c>
      <c r="I129" s="3" t="s">
        <v>282</v>
      </c>
      <c r="J129" s="3" t="s">
        <v>296</v>
      </c>
      <c r="K129" s="3" t="s">
        <v>32</v>
      </c>
      <c r="L129" s="3" t="s">
        <v>33</v>
      </c>
      <c r="M129" s="3" t="s">
        <v>66</v>
      </c>
      <c r="N129" s="3" t="s">
        <v>51</v>
      </c>
      <c r="O129" s="3" t="s">
        <v>52</v>
      </c>
      <c r="P129" s="3" t="s">
        <v>37</v>
      </c>
      <c r="Q129" s="3" t="s">
        <v>37</v>
      </c>
      <c r="R129" s="3" t="s">
        <v>38</v>
      </c>
      <c r="S129" s="3" t="s">
        <v>297</v>
      </c>
      <c r="T129" s="3" t="s">
        <v>37</v>
      </c>
      <c r="U129" s="3" t="s">
        <v>37</v>
      </c>
      <c r="V129" s="3" t="s">
        <v>37</v>
      </c>
    </row>
    <row r="130" spans="1:22" x14ac:dyDescent="0.25">
      <c r="A130" s="3" t="s">
        <v>22</v>
      </c>
      <c r="B130" s="4" t="s">
        <v>519</v>
      </c>
      <c r="C130" s="3" t="s">
        <v>520</v>
      </c>
      <c r="D130" s="5" t="s">
        <v>412</v>
      </c>
      <c r="E130" s="3" t="s">
        <v>75</v>
      </c>
      <c r="F130" s="3" t="s">
        <v>536</v>
      </c>
      <c r="G130" s="3" t="s">
        <v>537</v>
      </c>
      <c r="H130" s="3" t="s">
        <v>64</v>
      </c>
      <c r="I130" s="3" t="s">
        <v>282</v>
      </c>
      <c r="J130" s="3" t="s">
        <v>538</v>
      </c>
      <c r="K130" s="3" t="s">
        <v>32</v>
      </c>
      <c r="L130" s="3" t="s">
        <v>33</v>
      </c>
      <c r="M130" s="3" t="s">
        <v>66</v>
      </c>
      <c r="N130" s="3" t="s">
        <v>51</v>
      </c>
      <c r="O130" s="3" t="s">
        <v>52</v>
      </c>
      <c r="P130" s="3" t="s">
        <v>37</v>
      </c>
      <c r="Q130" s="3" t="s">
        <v>37</v>
      </c>
      <c r="R130" s="3" t="s">
        <v>38</v>
      </c>
      <c r="S130" s="3" t="s">
        <v>539</v>
      </c>
      <c r="T130" s="3" t="s">
        <v>37</v>
      </c>
      <c r="U130" s="3" t="s">
        <v>37</v>
      </c>
      <c r="V130" s="3" t="s">
        <v>37</v>
      </c>
    </row>
    <row r="131" spans="1:22" x14ac:dyDescent="0.25">
      <c r="A131" s="3" t="s">
        <v>22</v>
      </c>
      <c r="B131" s="4" t="s">
        <v>519</v>
      </c>
      <c r="C131" s="3" t="s">
        <v>520</v>
      </c>
      <c r="D131" s="5" t="s">
        <v>88</v>
      </c>
      <c r="E131" s="3" t="s">
        <v>416</v>
      </c>
      <c r="F131" s="3" t="s">
        <v>540</v>
      </c>
      <c r="G131" s="3" t="s">
        <v>182</v>
      </c>
      <c r="H131" s="3" t="s">
        <v>64</v>
      </c>
      <c r="I131" s="3" t="s">
        <v>418</v>
      </c>
      <c r="J131" s="3" t="s">
        <v>541</v>
      </c>
      <c r="K131" s="3" t="s">
        <v>32</v>
      </c>
      <c r="L131" s="3" t="s">
        <v>33</v>
      </c>
      <c r="M131" s="3" t="s">
        <v>34</v>
      </c>
      <c r="N131" s="3" t="s">
        <v>137</v>
      </c>
      <c r="O131" s="3" t="s">
        <v>36</v>
      </c>
      <c r="P131" s="3" t="s">
        <v>37</v>
      </c>
      <c r="Q131" s="3" t="s">
        <v>37</v>
      </c>
      <c r="R131" s="3" t="s">
        <v>38</v>
      </c>
      <c r="S131" s="3" t="s">
        <v>542</v>
      </c>
      <c r="T131" s="3" t="s">
        <v>37</v>
      </c>
      <c r="U131" s="3" t="s">
        <v>37</v>
      </c>
      <c r="V131" s="3" t="s">
        <v>37</v>
      </c>
    </row>
    <row r="132" spans="1:22" x14ac:dyDescent="0.25">
      <c r="A132" s="3" t="s">
        <v>22</v>
      </c>
      <c r="B132" s="4" t="s">
        <v>519</v>
      </c>
      <c r="C132" s="3" t="s">
        <v>520</v>
      </c>
      <c r="D132" s="5" t="s">
        <v>93</v>
      </c>
      <c r="E132" s="3" t="s">
        <v>416</v>
      </c>
      <c r="F132" s="3" t="s">
        <v>543</v>
      </c>
      <c r="G132" s="3" t="s">
        <v>340</v>
      </c>
      <c r="H132" s="3" t="s">
        <v>64</v>
      </c>
      <c r="I132" s="3" t="s">
        <v>418</v>
      </c>
      <c r="J132" s="3" t="s">
        <v>544</v>
      </c>
      <c r="K132" s="3" t="s">
        <v>32</v>
      </c>
      <c r="L132" s="3" t="s">
        <v>33</v>
      </c>
      <c r="M132" s="3" t="s">
        <v>34</v>
      </c>
      <c r="N132" s="3" t="s">
        <v>137</v>
      </c>
      <c r="O132" s="3" t="s">
        <v>36</v>
      </c>
      <c r="P132" s="3" t="s">
        <v>37</v>
      </c>
      <c r="Q132" s="3" t="s">
        <v>37</v>
      </c>
      <c r="R132" s="3" t="s">
        <v>38</v>
      </c>
      <c r="S132" s="3" t="s">
        <v>545</v>
      </c>
      <c r="T132" s="3" t="s">
        <v>37</v>
      </c>
      <c r="U132" s="3" t="s">
        <v>37</v>
      </c>
      <c r="V132" s="3" t="s">
        <v>37</v>
      </c>
    </row>
    <row r="133" spans="1:22" x14ac:dyDescent="0.25">
      <c r="A133" s="3" t="s">
        <v>22</v>
      </c>
      <c r="B133" s="4" t="s">
        <v>519</v>
      </c>
      <c r="C133" s="3" t="s">
        <v>520</v>
      </c>
      <c r="D133" s="5" t="s">
        <v>98</v>
      </c>
      <c r="E133" s="3" t="s">
        <v>422</v>
      </c>
      <c r="F133" s="3" t="s">
        <v>546</v>
      </c>
      <c r="G133" s="3" t="s">
        <v>90</v>
      </c>
      <c r="H133" s="3" t="s">
        <v>64</v>
      </c>
      <c r="I133" s="3" t="s">
        <v>424</v>
      </c>
      <c r="J133" s="3" t="s">
        <v>547</v>
      </c>
      <c r="K133" s="3" t="s">
        <v>32</v>
      </c>
      <c r="L133" s="3" t="s">
        <v>33</v>
      </c>
      <c r="M133" s="3" t="s">
        <v>66</v>
      </c>
      <c r="N133" s="3" t="s">
        <v>137</v>
      </c>
      <c r="O133" s="3" t="s">
        <v>119</v>
      </c>
      <c r="P133" s="3" t="s">
        <v>37</v>
      </c>
      <c r="Q133" s="3" t="s">
        <v>37</v>
      </c>
      <c r="R133" s="3" t="s">
        <v>38</v>
      </c>
      <c r="S133" s="3" t="s">
        <v>548</v>
      </c>
      <c r="T133" s="3" t="s">
        <v>37</v>
      </c>
      <c r="U133" s="3" t="s">
        <v>37</v>
      </c>
      <c r="V133" s="3" t="s">
        <v>37</v>
      </c>
    </row>
    <row r="134" spans="1:22" x14ac:dyDescent="0.25">
      <c r="A134" s="3" t="s">
        <v>22</v>
      </c>
      <c r="B134" s="4" t="s">
        <v>519</v>
      </c>
      <c r="C134" s="3" t="s">
        <v>520</v>
      </c>
      <c r="D134" s="5" t="s">
        <v>427</v>
      </c>
      <c r="E134" s="3" t="s">
        <v>422</v>
      </c>
      <c r="F134" s="3" t="s">
        <v>549</v>
      </c>
      <c r="G134" s="3" t="s">
        <v>95</v>
      </c>
      <c r="H134" s="3" t="s">
        <v>64</v>
      </c>
      <c r="I134" s="3" t="s">
        <v>424</v>
      </c>
      <c r="J134" s="3" t="s">
        <v>550</v>
      </c>
      <c r="K134" s="3" t="s">
        <v>32</v>
      </c>
      <c r="L134" s="3" t="s">
        <v>33</v>
      </c>
      <c r="M134" s="3" t="s">
        <v>66</v>
      </c>
      <c r="N134" s="3" t="s">
        <v>137</v>
      </c>
      <c r="O134" s="3" t="s">
        <v>119</v>
      </c>
      <c r="P134" s="3" t="s">
        <v>37</v>
      </c>
      <c r="Q134" s="3" t="s">
        <v>37</v>
      </c>
      <c r="R134" s="3" t="s">
        <v>38</v>
      </c>
      <c r="S134" s="3" t="s">
        <v>551</v>
      </c>
      <c r="T134" s="3" t="s">
        <v>37</v>
      </c>
      <c r="U134" s="3" t="s">
        <v>37</v>
      </c>
      <c r="V134" s="3" t="s">
        <v>37</v>
      </c>
    </row>
    <row r="135" spans="1:22" x14ac:dyDescent="0.25">
      <c r="A135" s="3" t="s">
        <v>22</v>
      </c>
      <c r="B135" s="4" t="s">
        <v>519</v>
      </c>
      <c r="C135" s="3" t="s">
        <v>520</v>
      </c>
      <c r="D135" s="5" t="s">
        <v>302</v>
      </c>
      <c r="E135" s="3" t="s">
        <v>422</v>
      </c>
      <c r="F135" s="3" t="s">
        <v>552</v>
      </c>
      <c r="G135" s="3" t="s">
        <v>177</v>
      </c>
      <c r="H135" s="3" t="s">
        <v>64</v>
      </c>
      <c r="I135" s="3" t="s">
        <v>424</v>
      </c>
      <c r="J135" s="3" t="s">
        <v>553</v>
      </c>
      <c r="K135" s="3" t="s">
        <v>32</v>
      </c>
      <c r="L135" s="3" t="s">
        <v>33</v>
      </c>
      <c r="M135" s="3" t="s">
        <v>66</v>
      </c>
      <c r="N135" s="3" t="s">
        <v>137</v>
      </c>
      <c r="O135" s="3" t="s">
        <v>119</v>
      </c>
      <c r="P135" s="3" t="s">
        <v>37</v>
      </c>
      <c r="Q135" s="3" t="s">
        <v>37</v>
      </c>
      <c r="R135" s="3" t="s">
        <v>38</v>
      </c>
      <c r="S135" s="3" t="s">
        <v>554</v>
      </c>
      <c r="T135" s="3" t="s">
        <v>37</v>
      </c>
      <c r="U135" s="3" t="s">
        <v>37</v>
      </c>
      <c r="V135" s="3" t="s">
        <v>37</v>
      </c>
    </row>
    <row r="136" spans="1:22" x14ac:dyDescent="0.25">
      <c r="A136" s="3" t="s">
        <v>22</v>
      </c>
      <c r="B136" s="4" t="s">
        <v>519</v>
      </c>
      <c r="C136" s="3" t="s">
        <v>520</v>
      </c>
      <c r="D136" s="5" t="s">
        <v>434</v>
      </c>
      <c r="E136" s="3" t="s">
        <v>46</v>
      </c>
      <c r="F136" s="3" t="s">
        <v>339</v>
      </c>
      <c r="G136" s="3" t="s">
        <v>340</v>
      </c>
      <c r="H136" s="3" t="s">
        <v>64</v>
      </c>
      <c r="I136" s="3" t="s">
        <v>49</v>
      </c>
      <c r="J136" s="3" t="s">
        <v>341</v>
      </c>
      <c r="K136" s="3" t="s">
        <v>32</v>
      </c>
      <c r="L136" s="3" t="s">
        <v>33</v>
      </c>
      <c r="M136" s="3" t="s">
        <v>34</v>
      </c>
      <c r="N136" s="3" t="s">
        <v>35</v>
      </c>
      <c r="O136" s="3" t="s">
        <v>52</v>
      </c>
      <c r="P136" s="3" t="s">
        <v>53</v>
      </c>
      <c r="Q136" s="3" t="s">
        <v>73</v>
      </c>
      <c r="R136" s="3" t="s">
        <v>38</v>
      </c>
      <c r="S136" s="3" t="s">
        <v>342</v>
      </c>
      <c r="T136" s="3" t="s">
        <v>37</v>
      </c>
      <c r="U136" s="3" t="s">
        <v>37</v>
      </c>
      <c r="V136" s="3" t="s">
        <v>37</v>
      </c>
    </row>
    <row r="137" spans="1:22" x14ac:dyDescent="0.25">
      <c r="A137" s="3" t="s">
        <v>22</v>
      </c>
      <c r="B137" s="4" t="s">
        <v>519</v>
      </c>
      <c r="C137" s="3" t="s">
        <v>520</v>
      </c>
      <c r="D137" s="5" t="s">
        <v>435</v>
      </c>
      <c r="E137" s="3" t="s">
        <v>46</v>
      </c>
      <c r="F137" s="3" t="s">
        <v>343</v>
      </c>
      <c r="G137" s="3" t="s">
        <v>344</v>
      </c>
      <c r="H137" s="3" t="s">
        <v>64</v>
      </c>
      <c r="I137" s="3" t="s">
        <v>49</v>
      </c>
      <c r="J137" s="3" t="s">
        <v>345</v>
      </c>
      <c r="K137" s="3" t="s">
        <v>32</v>
      </c>
      <c r="L137" s="3" t="s">
        <v>33</v>
      </c>
      <c r="M137" s="3" t="s">
        <v>34</v>
      </c>
      <c r="N137" s="3" t="s">
        <v>35</v>
      </c>
      <c r="O137" s="3" t="s">
        <v>52</v>
      </c>
      <c r="P137" s="3" t="s">
        <v>53</v>
      </c>
      <c r="Q137" s="3" t="s">
        <v>73</v>
      </c>
      <c r="R137" s="3" t="s">
        <v>38</v>
      </c>
      <c r="S137" s="3" t="s">
        <v>346</v>
      </c>
      <c r="T137" s="3" t="s">
        <v>37</v>
      </c>
      <c r="U137" s="3" t="s">
        <v>37</v>
      </c>
      <c r="V137" s="3" t="s">
        <v>37</v>
      </c>
    </row>
    <row r="138" spans="1:22" x14ac:dyDescent="0.25">
      <c r="A138" s="3" t="s">
        <v>22</v>
      </c>
      <c r="B138" s="4" t="s">
        <v>519</v>
      </c>
      <c r="C138" s="3" t="s">
        <v>520</v>
      </c>
      <c r="D138" s="5" t="s">
        <v>436</v>
      </c>
      <c r="E138" s="3" t="s">
        <v>437</v>
      </c>
      <c r="F138" s="3" t="s">
        <v>555</v>
      </c>
      <c r="G138" s="3" t="s">
        <v>291</v>
      </c>
      <c r="H138" s="3" t="s">
        <v>64</v>
      </c>
      <c r="I138" s="3" t="s">
        <v>440</v>
      </c>
      <c r="J138" s="3" t="s">
        <v>556</v>
      </c>
      <c r="K138" s="3" t="s">
        <v>32</v>
      </c>
      <c r="L138" s="3" t="s">
        <v>33</v>
      </c>
      <c r="M138" s="3" t="s">
        <v>34</v>
      </c>
      <c r="N138" s="3" t="s">
        <v>72</v>
      </c>
      <c r="O138" s="3" t="s">
        <v>119</v>
      </c>
      <c r="P138" s="3" t="s">
        <v>37</v>
      </c>
      <c r="Q138" s="3" t="s">
        <v>73</v>
      </c>
      <c r="R138" s="3" t="s">
        <v>38</v>
      </c>
      <c r="S138" s="3" t="s">
        <v>557</v>
      </c>
      <c r="T138" s="3" t="s">
        <v>37</v>
      </c>
      <c r="U138" s="3" t="s">
        <v>37</v>
      </c>
      <c r="V138" s="3" t="s">
        <v>37</v>
      </c>
    </row>
    <row r="139" spans="1:22" x14ac:dyDescent="0.25">
      <c r="A139" s="3" t="s">
        <v>22</v>
      </c>
      <c r="B139" s="4" t="s">
        <v>519</v>
      </c>
      <c r="C139" s="3" t="s">
        <v>520</v>
      </c>
      <c r="D139" s="5" t="s">
        <v>109</v>
      </c>
      <c r="E139" s="3" t="s">
        <v>437</v>
      </c>
      <c r="F139" s="3" t="s">
        <v>558</v>
      </c>
      <c r="G139" s="3" t="s">
        <v>63</v>
      </c>
      <c r="H139" s="3" t="s">
        <v>64</v>
      </c>
      <c r="I139" s="3" t="s">
        <v>440</v>
      </c>
      <c r="J139" s="3" t="s">
        <v>559</v>
      </c>
      <c r="K139" s="3" t="s">
        <v>32</v>
      </c>
      <c r="L139" s="3" t="s">
        <v>33</v>
      </c>
      <c r="M139" s="3" t="s">
        <v>34</v>
      </c>
      <c r="N139" s="3" t="s">
        <v>72</v>
      </c>
      <c r="O139" s="3" t="s">
        <v>119</v>
      </c>
      <c r="P139" s="3" t="s">
        <v>37</v>
      </c>
      <c r="Q139" s="3" t="s">
        <v>73</v>
      </c>
      <c r="R139" s="3" t="s">
        <v>38</v>
      </c>
      <c r="S139" s="3" t="s">
        <v>560</v>
      </c>
      <c r="T139" s="3" t="s">
        <v>37</v>
      </c>
      <c r="U139" s="3" t="s">
        <v>37</v>
      </c>
      <c r="V139" s="3" t="s">
        <v>37</v>
      </c>
    </row>
    <row r="140" spans="1:22" x14ac:dyDescent="0.25">
      <c r="A140" s="3" t="s">
        <v>22</v>
      </c>
      <c r="B140" s="4" t="s">
        <v>519</v>
      </c>
      <c r="C140" s="3" t="s">
        <v>520</v>
      </c>
      <c r="D140" s="5" t="s">
        <v>447</v>
      </c>
      <c r="E140" s="3" t="s">
        <v>437</v>
      </c>
      <c r="F140" s="3" t="s">
        <v>561</v>
      </c>
      <c r="G140" s="3" t="s">
        <v>537</v>
      </c>
      <c r="H140" s="3" t="s">
        <v>64</v>
      </c>
      <c r="I140" s="3" t="s">
        <v>440</v>
      </c>
      <c r="J140" s="3" t="s">
        <v>562</v>
      </c>
      <c r="K140" s="3" t="s">
        <v>32</v>
      </c>
      <c r="L140" s="3" t="s">
        <v>33</v>
      </c>
      <c r="M140" s="3" t="s">
        <v>34</v>
      </c>
      <c r="N140" s="3" t="s">
        <v>72</v>
      </c>
      <c r="O140" s="3" t="s">
        <v>119</v>
      </c>
      <c r="P140" s="3" t="s">
        <v>37</v>
      </c>
      <c r="Q140" s="3" t="s">
        <v>73</v>
      </c>
      <c r="R140" s="3" t="s">
        <v>38</v>
      </c>
      <c r="S140" s="3" t="s">
        <v>563</v>
      </c>
      <c r="T140" s="3" t="s">
        <v>37</v>
      </c>
      <c r="U140" s="3" t="s">
        <v>37</v>
      </c>
      <c r="V140" s="3" t="s">
        <v>37</v>
      </c>
    </row>
    <row r="141" spans="1:22" x14ac:dyDescent="0.25">
      <c r="A141" s="3" t="s">
        <v>22</v>
      </c>
      <c r="B141" s="4" t="s">
        <v>519</v>
      </c>
      <c r="C141" s="3" t="s">
        <v>520</v>
      </c>
      <c r="D141" s="5" t="s">
        <v>451</v>
      </c>
      <c r="E141" s="3" t="s">
        <v>437</v>
      </c>
      <c r="F141" s="3" t="s">
        <v>564</v>
      </c>
      <c r="G141" s="3" t="s">
        <v>565</v>
      </c>
      <c r="H141" s="3" t="s">
        <v>64</v>
      </c>
      <c r="I141" s="3" t="s">
        <v>440</v>
      </c>
      <c r="J141" s="3" t="s">
        <v>566</v>
      </c>
      <c r="K141" s="3" t="s">
        <v>32</v>
      </c>
      <c r="L141" s="3" t="s">
        <v>33</v>
      </c>
      <c r="M141" s="3" t="s">
        <v>34</v>
      </c>
      <c r="N141" s="3" t="s">
        <v>72</v>
      </c>
      <c r="O141" s="3" t="s">
        <v>119</v>
      </c>
      <c r="P141" s="3" t="s">
        <v>37</v>
      </c>
      <c r="Q141" s="3" t="s">
        <v>73</v>
      </c>
      <c r="R141" s="3" t="s">
        <v>38</v>
      </c>
      <c r="S141" s="3" t="s">
        <v>567</v>
      </c>
      <c r="T141" s="3" t="s">
        <v>37</v>
      </c>
      <c r="U141" s="3" t="s">
        <v>37</v>
      </c>
      <c r="V141" s="3" t="s">
        <v>37</v>
      </c>
    </row>
    <row r="142" spans="1:22" x14ac:dyDescent="0.25">
      <c r="A142" s="3" t="s">
        <v>22</v>
      </c>
      <c r="B142" s="4" t="s">
        <v>519</v>
      </c>
      <c r="C142" s="3" t="s">
        <v>520</v>
      </c>
      <c r="D142" s="5" t="s">
        <v>455</v>
      </c>
      <c r="E142" s="3" t="s">
        <v>46</v>
      </c>
      <c r="F142" s="3" t="s">
        <v>357</v>
      </c>
      <c r="G142" s="3" t="s">
        <v>77</v>
      </c>
      <c r="H142" s="3" t="s">
        <v>78</v>
      </c>
      <c r="I142" s="3" t="s">
        <v>49</v>
      </c>
      <c r="J142" s="3" t="s">
        <v>358</v>
      </c>
      <c r="K142" s="3" t="s">
        <v>32</v>
      </c>
      <c r="L142" s="3" t="s">
        <v>33</v>
      </c>
      <c r="M142" s="3" t="s">
        <v>34</v>
      </c>
      <c r="N142" s="3" t="s">
        <v>67</v>
      </c>
      <c r="O142" s="3" t="s">
        <v>52</v>
      </c>
      <c r="P142" s="3" t="s">
        <v>53</v>
      </c>
      <c r="Q142" s="3" t="s">
        <v>37</v>
      </c>
      <c r="R142" s="3" t="s">
        <v>38</v>
      </c>
      <c r="S142" s="3" t="s">
        <v>359</v>
      </c>
      <c r="T142" s="3" t="s">
        <v>37</v>
      </c>
      <c r="U142" s="3" t="s">
        <v>37</v>
      </c>
      <c r="V142" s="3" t="s">
        <v>37</v>
      </c>
    </row>
    <row r="143" spans="1:22" x14ac:dyDescent="0.25">
      <c r="A143" s="3" t="s">
        <v>22</v>
      </c>
      <c r="B143" s="4" t="s">
        <v>519</v>
      </c>
      <c r="C143" s="3" t="s">
        <v>520</v>
      </c>
      <c r="D143" s="5" t="s">
        <v>319</v>
      </c>
      <c r="E143" s="3" t="s">
        <v>46</v>
      </c>
      <c r="F143" s="3" t="s">
        <v>360</v>
      </c>
      <c r="G143" s="3" t="s">
        <v>84</v>
      </c>
      <c r="H143" s="3" t="s">
        <v>78</v>
      </c>
      <c r="I143" s="3" t="s">
        <v>49</v>
      </c>
      <c r="J143" s="3" t="s">
        <v>361</v>
      </c>
      <c r="K143" s="3" t="s">
        <v>32</v>
      </c>
      <c r="L143" s="3" t="s">
        <v>33</v>
      </c>
      <c r="M143" s="3" t="s">
        <v>34</v>
      </c>
      <c r="N143" s="3" t="s">
        <v>67</v>
      </c>
      <c r="O143" s="3" t="s">
        <v>52</v>
      </c>
      <c r="P143" s="3" t="s">
        <v>53</v>
      </c>
      <c r="Q143" s="3" t="s">
        <v>37</v>
      </c>
      <c r="R143" s="3" t="s">
        <v>38</v>
      </c>
      <c r="S143" s="3" t="s">
        <v>362</v>
      </c>
      <c r="T143" s="3" t="s">
        <v>37</v>
      </c>
      <c r="U143" s="3" t="s">
        <v>37</v>
      </c>
      <c r="V143" s="3" t="s">
        <v>37</v>
      </c>
    </row>
    <row r="144" spans="1:22" x14ac:dyDescent="0.25">
      <c r="A144" s="3" t="s">
        <v>22</v>
      </c>
      <c r="B144" s="4" t="s">
        <v>519</v>
      </c>
      <c r="C144" s="3" t="s">
        <v>520</v>
      </c>
      <c r="D144" s="5" t="s">
        <v>131</v>
      </c>
      <c r="E144" s="3" t="s">
        <v>147</v>
      </c>
      <c r="F144" s="3" t="s">
        <v>569</v>
      </c>
      <c r="G144" s="3" t="s">
        <v>28</v>
      </c>
      <c r="H144" s="3" t="s">
        <v>29</v>
      </c>
      <c r="I144" s="3" t="s">
        <v>37</v>
      </c>
      <c r="J144" s="3" t="s">
        <v>570</v>
      </c>
      <c r="K144" s="3" t="s">
        <v>32</v>
      </c>
      <c r="L144" s="3" t="s">
        <v>33</v>
      </c>
      <c r="M144" s="3" t="s">
        <v>34</v>
      </c>
      <c r="N144" s="3" t="s">
        <v>80</v>
      </c>
      <c r="O144" s="3" t="s">
        <v>52</v>
      </c>
      <c r="P144" s="3" t="s">
        <v>37</v>
      </c>
      <c r="Q144" s="3" t="s">
        <v>37</v>
      </c>
      <c r="R144" s="3" t="s">
        <v>38</v>
      </c>
      <c r="S144" s="3" t="s">
        <v>571</v>
      </c>
      <c r="T144" s="3" t="s">
        <v>37</v>
      </c>
      <c r="U144" s="3" t="s">
        <v>37</v>
      </c>
      <c r="V144" s="3" t="s">
        <v>37</v>
      </c>
    </row>
    <row r="145" spans="1:22" x14ac:dyDescent="0.25">
      <c r="A145" s="3" t="s">
        <v>22</v>
      </c>
      <c r="B145" s="4" t="s">
        <v>519</v>
      </c>
      <c r="C145" s="3" t="s">
        <v>520</v>
      </c>
      <c r="D145" s="5" t="s">
        <v>459</v>
      </c>
      <c r="E145" s="3" t="s">
        <v>147</v>
      </c>
      <c r="F145" s="3" t="s">
        <v>572</v>
      </c>
      <c r="G145" s="3" t="s">
        <v>63</v>
      </c>
      <c r="H145" s="3" t="s">
        <v>64</v>
      </c>
      <c r="I145" s="3" t="s">
        <v>150</v>
      </c>
      <c r="J145" s="3" t="s">
        <v>573</v>
      </c>
      <c r="K145" s="3" t="s">
        <v>32</v>
      </c>
      <c r="L145" s="3" t="s">
        <v>33</v>
      </c>
      <c r="M145" s="3" t="s">
        <v>34</v>
      </c>
      <c r="N145" s="3" t="s">
        <v>137</v>
      </c>
      <c r="O145" s="3" t="s">
        <v>152</v>
      </c>
      <c r="P145" s="3" t="s">
        <v>37</v>
      </c>
      <c r="Q145" s="3" t="s">
        <v>37</v>
      </c>
      <c r="R145" s="3" t="s">
        <v>38</v>
      </c>
      <c r="S145" s="3" t="s">
        <v>574</v>
      </c>
      <c r="T145" s="3" t="s">
        <v>37</v>
      </c>
      <c r="U145" s="3" t="s">
        <v>37</v>
      </c>
      <c r="V145" s="3" t="s">
        <v>37</v>
      </c>
    </row>
    <row r="146" spans="1:22" x14ac:dyDescent="0.25">
      <c r="A146" s="3" t="s">
        <v>22</v>
      </c>
      <c r="B146" s="4" t="s">
        <v>519</v>
      </c>
      <c r="C146" s="3" t="s">
        <v>520</v>
      </c>
      <c r="D146" s="5" t="s">
        <v>145</v>
      </c>
      <c r="E146" s="3" t="s">
        <v>463</v>
      </c>
      <c r="F146" s="3" t="s">
        <v>575</v>
      </c>
      <c r="G146" s="3" t="s">
        <v>576</v>
      </c>
      <c r="H146" s="3" t="s">
        <v>78</v>
      </c>
      <c r="I146" s="3" t="s">
        <v>577</v>
      </c>
      <c r="J146" s="3" t="s">
        <v>578</v>
      </c>
      <c r="K146" s="3" t="s">
        <v>32</v>
      </c>
      <c r="L146" s="3" t="s">
        <v>33</v>
      </c>
      <c r="M146" s="3" t="s">
        <v>66</v>
      </c>
      <c r="N146" s="3" t="s">
        <v>468</v>
      </c>
      <c r="O146" s="3" t="s">
        <v>52</v>
      </c>
      <c r="P146" s="3" t="s">
        <v>37</v>
      </c>
      <c r="Q146" s="3" t="s">
        <v>37</v>
      </c>
      <c r="R146" s="3" t="s">
        <v>38</v>
      </c>
      <c r="S146" s="3" t="s">
        <v>579</v>
      </c>
      <c r="T146" s="3" t="s">
        <v>37</v>
      </c>
      <c r="U146" s="3" t="s">
        <v>37</v>
      </c>
      <c r="V146" s="3" t="s">
        <v>37</v>
      </c>
    </row>
    <row r="147" spans="1:22" x14ac:dyDescent="0.25">
      <c r="A147" s="3" t="s">
        <v>22</v>
      </c>
      <c r="B147" s="4" t="s">
        <v>519</v>
      </c>
      <c r="C147" s="3" t="s">
        <v>520</v>
      </c>
      <c r="D147" s="5" t="s">
        <v>154</v>
      </c>
      <c r="E147" s="3" t="s">
        <v>463</v>
      </c>
      <c r="F147" s="3" t="s">
        <v>580</v>
      </c>
      <c r="G147" s="3" t="s">
        <v>581</v>
      </c>
      <c r="H147" s="3" t="s">
        <v>78</v>
      </c>
      <c r="I147" s="3" t="s">
        <v>582</v>
      </c>
      <c r="J147" s="3" t="s">
        <v>583</v>
      </c>
      <c r="K147" s="3" t="s">
        <v>32</v>
      </c>
      <c r="L147" s="3" t="s">
        <v>33</v>
      </c>
      <c r="M147" s="3" t="s">
        <v>66</v>
      </c>
      <c r="N147" s="3" t="s">
        <v>468</v>
      </c>
      <c r="O147" s="3" t="s">
        <v>52</v>
      </c>
      <c r="P147" s="3" t="s">
        <v>37</v>
      </c>
      <c r="Q147" s="3" t="s">
        <v>37</v>
      </c>
      <c r="R147" s="3" t="s">
        <v>38</v>
      </c>
      <c r="S147" s="3" t="s">
        <v>584</v>
      </c>
      <c r="T147" s="3" t="s">
        <v>37</v>
      </c>
      <c r="U147" s="3" t="s">
        <v>37</v>
      </c>
      <c r="V147" s="3" t="s">
        <v>37</v>
      </c>
    </row>
    <row r="148" spans="1:22" x14ac:dyDescent="0.25">
      <c r="A148" s="3" t="s">
        <v>22</v>
      </c>
      <c r="B148" s="4" t="s">
        <v>519</v>
      </c>
      <c r="C148" s="3" t="s">
        <v>520</v>
      </c>
      <c r="D148" s="5" t="s">
        <v>164</v>
      </c>
      <c r="E148" s="3" t="s">
        <v>46</v>
      </c>
      <c r="F148" s="3" t="s">
        <v>585</v>
      </c>
      <c r="G148" s="3" t="s">
        <v>106</v>
      </c>
      <c r="H148" s="3" t="s">
        <v>64</v>
      </c>
      <c r="I148" s="3" t="s">
        <v>49</v>
      </c>
      <c r="J148" s="3" t="s">
        <v>586</v>
      </c>
      <c r="K148" s="3" t="s">
        <v>32</v>
      </c>
      <c r="L148" s="3" t="s">
        <v>33</v>
      </c>
      <c r="M148" s="3" t="s">
        <v>34</v>
      </c>
      <c r="N148" s="3" t="s">
        <v>35</v>
      </c>
      <c r="O148" s="3" t="s">
        <v>52</v>
      </c>
      <c r="P148" s="3" t="s">
        <v>53</v>
      </c>
      <c r="Q148" s="3" t="s">
        <v>73</v>
      </c>
      <c r="R148" s="3" t="s">
        <v>38</v>
      </c>
      <c r="S148" s="3" t="s">
        <v>587</v>
      </c>
      <c r="T148" s="3" t="s">
        <v>37</v>
      </c>
      <c r="U148" s="3" t="s">
        <v>37</v>
      </c>
      <c r="V148" s="3" t="s">
        <v>37</v>
      </c>
    </row>
    <row r="149" spans="1:22" x14ac:dyDescent="0.25">
      <c r="A149" s="3" t="s">
        <v>22</v>
      </c>
      <c r="B149" s="4" t="s">
        <v>519</v>
      </c>
      <c r="C149" s="3" t="s">
        <v>520</v>
      </c>
      <c r="D149" s="5" t="s">
        <v>170</v>
      </c>
      <c r="E149" s="3" t="s">
        <v>46</v>
      </c>
      <c r="F149" s="3" t="s">
        <v>588</v>
      </c>
      <c r="G149" s="3" t="s">
        <v>568</v>
      </c>
      <c r="H149" s="3" t="s">
        <v>64</v>
      </c>
      <c r="I149" s="3" t="s">
        <v>49</v>
      </c>
      <c r="J149" s="3" t="s">
        <v>589</v>
      </c>
      <c r="K149" s="3" t="s">
        <v>32</v>
      </c>
      <c r="L149" s="3" t="s">
        <v>33</v>
      </c>
      <c r="M149" s="3" t="s">
        <v>34</v>
      </c>
      <c r="N149" s="3" t="s">
        <v>35</v>
      </c>
      <c r="O149" s="3" t="s">
        <v>52</v>
      </c>
      <c r="P149" s="3" t="s">
        <v>53</v>
      </c>
      <c r="Q149" s="3" t="s">
        <v>73</v>
      </c>
      <c r="R149" s="3" t="s">
        <v>38</v>
      </c>
      <c r="S149" s="3" t="s">
        <v>590</v>
      </c>
      <c r="T149" s="3" t="s">
        <v>37</v>
      </c>
      <c r="U149" s="3" t="s">
        <v>37</v>
      </c>
      <c r="V149" s="3" t="s">
        <v>37</v>
      </c>
    </row>
    <row r="150" spans="1:22" x14ac:dyDescent="0.25">
      <c r="A150" s="3" t="s">
        <v>22</v>
      </c>
      <c r="B150" s="4" t="s">
        <v>519</v>
      </c>
      <c r="C150" s="3" t="s">
        <v>520</v>
      </c>
      <c r="D150" s="5" t="s">
        <v>175</v>
      </c>
      <c r="E150" s="3" t="s">
        <v>399</v>
      </c>
      <c r="F150" s="3" t="s">
        <v>591</v>
      </c>
      <c r="G150" s="3" t="s">
        <v>156</v>
      </c>
      <c r="H150" s="3" t="s">
        <v>29</v>
      </c>
      <c r="I150" s="3" t="s">
        <v>37</v>
      </c>
      <c r="J150" s="3" t="s">
        <v>592</v>
      </c>
      <c r="K150" s="3" t="s">
        <v>32</v>
      </c>
      <c r="L150" s="3" t="s">
        <v>33</v>
      </c>
      <c r="M150" s="3" t="s">
        <v>66</v>
      </c>
      <c r="N150" s="3" t="s">
        <v>80</v>
      </c>
      <c r="O150" s="3" t="s">
        <v>52</v>
      </c>
      <c r="P150" s="3" t="s">
        <v>37</v>
      </c>
      <c r="Q150" s="3" t="s">
        <v>37</v>
      </c>
      <c r="R150" s="3" t="s">
        <v>38</v>
      </c>
      <c r="S150" s="3" t="s">
        <v>593</v>
      </c>
      <c r="T150" s="3" t="s">
        <v>37</v>
      </c>
      <c r="U150" s="3" t="s">
        <v>37</v>
      </c>
      <c r="V150" s="3" t="s">
        <v>37</v>
      </c>
    </row>
    <row r="151" spans="1:22" x14ac:dyDescent="0.25">
      <c r="A151" s="3" t="s">
        <v>22</v>
      </c>
      <c r="B151" s="4" t="s">
        <v>519</v>
      </c>
      <c r="C151" s="3" t="s">
        <v>520</v>
      </c>
      <c r="D151" s="5" t="s">
        <v>180</v>
      </c>
      <c r="E151" s="3" t="s">
        <v>399</v>
      </c>
      <c r="F151" s="3" t="s">
        <v>594</v>
      </c>
      <c r="G151" s="3" t="s">
        <v>161</v>
      </c>
      <c r="H151" s="3" t="s">
        <v>29</v>
      </c>
      <c r="I151" s="3" t="s">
        <v>37</v>
      </c>
      <c r="J151" s="3" t="s">
        <v>595</v>
      </c>
      <c r="K151" s="3" t="s">
        <v>32</v>
      </c>
      <c r="L151" s="3" t="s">
        <v>33</v>
      </c>
      <c r="M151" s="3" t="s">
        <v>66</v>
      </c>
      <c r="N151" s="3" t="s">
        <v>80</v>
      </c>
      <c r="O151" s="3" t="s">
        <v>52</v>
      </c>
      <c r="P151" s="3" t="s">
        <v>37</v>
      </c>
      <c r="Q151" s="3" t="s">
        <v>37</v>
      </c>
      <c r="R151" s="3" t="s">
        <v>38</v>
      </c>
      <c r="S151" s="3" t="s">
        <v>596</v>
      </c>
      <c r="T151" s="3" t="s">
        <v>37</v>
      </c>
      <c r="U151" s="3" t="s">
        <v>37</v>
      </c>
      <c r="V151" s="3" t="s">
        <v>37</v>
      </c>
    </row>
    <row r="152" spans="1:22" x14ac:dyDescent="0.25">
      <c r="A152" s="3" t="s">
        <v>22</v>
      </c>
      <c r="B152" s="4" t="s">
        <v>519</v>
      </c>
      <c r="C152" s="3" t="s">
        <v>520</v>
      </c>
      <c r="D152" s="5" t="s">
        <v>185</v>
      </c>
      <c r="E152" s="3" t="s">
        <v>597</v>
      </c>
      <c r="F152" s="3" t="s">
        <v>37</v>
      </c>
      <c r="G152" s="3" t="s">
        <v>37</v>
      </c>
      <c r="H152" s="3" t="s">
        <v>37</v>
      </c>
      <c r="I152" s="3" t="s">
        <v>598</v>
      </c>
      <c r="J152" s="3" t="s">
        <v>599</v>
      </c>
      <c r="K152" s="3" t="s">
        <v>600</v>
      </c>
      <c r="L152" s="3" t="s">
        <v>101</v>
      </c>
      <c r="M152" s="3" t="s">
        <v>34</v>
      </c>
      <c r="N152" s="3" t="s">
        <v>601</v>
      </c>
      <c r="O152" s="3" t="s">
        <v>410</v>
      </c>
      <c r="P152" s="3" t="s">
        <v>37</v>
      </c>
      <c r="Q152" s="3" t="s">
        <v>37</v>
      </c>
      <c r="R152" s="3" t="s">
        <v>38</v>
      </c>
      <c r="S152" s="3" t="s">
        <v>602</v>
      </c>
      <c r="T152" s="3" t="s">
        <v>37</v>
      </c>
      <c r="U152" s="3" t="s">
        <v>37</v>
      </c>
      <c r="V152" s="3" t="s">
        <v>37</v>
      </c>
    </row>
    <row r="153" spans="1:22" x14ac:dyDescent="0.25">
      <c r="A153" s="3" t="s">
        <v>22</v>
      </c>
      <c r="B153" s="4" t="s">
        <v>519</v>
      </c>
      <c r="C153" s="3" t="s">
        <v>520</v>
      </c>
      <c r="D153" s="5" t="s">
        <v>195</v>
      </c>
      <c r="E153" s="3" t="s">
        <v>46</v>
      </c>
      <c r="F153" s="3" t="s">
        <v>215</v>
      </c>
      <c r="G153" s="3" t="s">
        <v>216</v>
      </c>
      <c r="H153" s="3" t="s">
        <v>78</v>
      </c>
      <c r="I153" s="3" t="s">
        <v>49</v>
      </c>
      <c r="J153" s="3" t="s">
        <v>217</v>
      </c>
      <c r="K153" s="3" t="s">
        <v>32</v>
      </c>
      <c r="L153" s="3" t="s">
        <v>33</v>
      </c>
      <c r="M153" s="3" t="s">
        <v>34</v>
      </c>
      <c r="N153" s="3" t="s">
        <v>67</v>
      </c>
      <c r="O153" s="3" t="s">
        <v>52</v>
      </c>
      <c r="P153" s="3" t="s">
        <v>53</v>
      </c>
      <c r="Q153" s="3" t="s">
        <v>37</v>
      </c>
      <c r="R153" s="3" t="s">
        <v>38</v>
      </c>
      <c r="S153" s="3" t="s">
        <v>218</v>
      </c>
      <c r="T153" s="3" t="s">
        <v>37</v>
      </c>
      <c r="U153" s="3" t="s">
        <v>37</v>
      </c>
      <c r="V153" s="3" t="s">
        <v>37</v>
      </c>
    </row>
    <row r="154" spans="1:22" x14ac:dyDescent="0.25">
      <c r="A154" s="3" t="s">
        <v>22</v>
      </c>
      <c r="B154" s="4" t="s">
        <v>519</v>
      </c>
      <c r="C154" s="3" t="s">
        <v>520</v>
      </c>
      <c r="D154" s="5" t="s">
        <v>200</v>
      </c>
      <c r="E154" s="3" t="s">
        <v>75</v>
      </c>
      <c r="F154" s="3" t="s">
        <v>285</v>
      </c>
      <c r="G154" s="3" t="s">
        <v>286</v>
      </c>
      <c r="H154" s="3" t="s">
        <v>64</v>
      </c>
      <c r="I154" s="3" t="s">
        <v>282</v>
      </c>
      <c r="J154" s="3" t="s">
        <v>287</v>
      </c>
      <c r="K154" s="3" t="s">
        <v>32</v>
      </c>
      <c r="L154" s="3" t="s">
        <v>33</v>
      </c>
      <c r="M154" s="3" t="s">
        <v>66</v>
      </c>
      <c r="N154" s="3" t="s">
        <v>51</v>
      </c>
      <c r="O154" s="3" t="s">
        <v>52</v>
      </c>
      <c r="P154" s="3" t="s">
        <v>37</v>
      </c>
      <c r="Q154" s="3" t="s">
        <v>37</v>
      </c>
      <c r="R154" s="3" t="s">
        <v>38</v>
      </c>
      <c r="S154" s="3" t="s">
        <v>288</v>
      </c>
      <c r="T154" s="3" t="s">
        <v>37</v>
      </c>
      <c r="U154" s="3" t="s">
        <v>37</v>
      </c>
      <c r="V154" s="3" t="s">
        <v>37</v>
      </c>
    </row>
    <row r="155" spans="1:22" x14ac:dyDescent="0.25">
      <c r="A155" s="3" t="s">
        <v>22</v>
      </c>
      <c r="B155" s="4" t="s">
        <v>519</v>
      </c>
      <c r="C155" s="3" t="s">
        <v>520</v>
      </c>
      <c r="D155" s="5" t="s">
        <v>205</v>
      </c>
      <c r="E155" s="3" t="s">
        <v>75</v>
      </c>
      <c r="F155" s="3" t="s">
        <v>290</v>
      </c>
      <c r="G155" s="3" t="s">
        <v>291</v>
      </c>
      <c r="H155" s="3" t="s">
        <v>64</v>
      </c>
      <c r="I155" s="3" t="s">
        <v>282</v>
      </c>
      <c r="J155" s="3" t="s">
        <v>292</v>
      </c>
      <c r="K155" s="3" t="s">
        <v>32</v>
      </c>
      <c r="L155" s="3" t="s">
        <v>33</v>
      </c>
      <c r="M155" s="3" t="s">
        <v>66</v>
      </c>
      <c r="N155" s="3" t="s">
        <v>51</v>
      </c>
      <c r="O155" s="3" t="s">
        <v>52</v>
      </c>
      <c r="P155" s="3" t="s">
        <v>37</v>
      </c>
      <c r="Q155" s="3" t="s">
        <v>37</v>
      </c>
      <c r="R155" s="3" t="s">
        <v>38</v>
      </c>
      <c r="S155" s="3" t="s">
        <v>293</v>
      </c>
      <c r="T155" s="3" t="s">
        <v>37</v>
      </c>
      <c r="U155" s="3" t="s">
        <v>37</v>
      </c>
      <c r="V155" s="3" t="s">
        <v>37</v>
      </c>
    </row>
    <row r="156" spans="1:22" x14ac:dyDescent="0.25">
      <c r="A156" s="3" t="s">
        <v>22</v>
      </c>
      <c r="B156" s="4" t="s">
        <v>519</v>
      </c>
      <c r="C156" s="3" t="s">
        <v>520</v>
      </c>
      <c r="D156" s="5" t="s">
        <v>489</v>
      </c>
      <c r="E156" s="3" t="s">
        <v>490</v>
      </c>
      <c r="F156" s="3" t="s">
        <v>603</v>
      </c>
      <c r="G156" s="3" t="s">
        <v>63</v>
      </c>
      <c r="H156" s="3" t="s">
        <v>64</v>
      </c>
      <c r="I156" s="3" t="s">
        <v>498</v>
      </c>
      <c r="J156" s="3" t="s">
        <v>604</v>
      </c>
      <c r="K156" s="3" t="s">
        <v>32</v>
      </c>
      <c r="L156" s="3" t="s">
        <v>494</v>
      </c>
      <c r="M156" s="3" t="s">
        <v>34</v>
      </c>
      <c r="N156" s="3" t="s">
        <v>35</v>
      </c>
      <c r="O156" s="3" t="s">
        <v>86</v>
      </c>
      <c r="P156" s="3" t="s">
        <v>37</v>
      </c>
      <c r="Q156" s="3" t="s">
        <v>37</v>
      </c>
      <c r="R156" s="3" t="s">
        <v>38</v>
      </c>
      <c r="S156" s="3" t="s">
        <v>605</v>
      </c>
      <c r="T156" s="3" t="s">
        <v>37</v>
      </c>
      <c r="U156" s="3" t="s">
        <v>37</v>
      </c>
      <c r="V156" s="3" t="s">
        <v>37</v>
      </c>
    </row>
    <row r="157" spans="1:22" x14ac:dyDescent="0.25">
      <c r="A157" s="3" t="s">
        <v>22</v>
      </c>
      <c r="B157" s="4" t="s">
        <v>519</v>
      </c>
      <c r="C157" s="3" t="s">
        <v>520</v>
      </c>
      <c r="D157" s="5" t="s">
        <v>496</v>
      </c>
      <c r="E157" s="3" t="s">
        <v>490</v>
      </c>
      <c r="F157" s="3" t="s">
        <v>606</v>
      </c>
      <c r="G157" s="3" t="s">
        <v>537</v>
      </c>
      <c r="H157" s="3" t="s">
        <v>64</v>
      </c>
      <c r="I157" s="3" t="s">
        <v>498</v>
      </c>
      <c r="J157" s="3" t="s">
        <v>607</v>
      </c>
      <c r="K157" s="3" t="s">
        <v>32</v>
      </c>
      <c r="L157" s="3" t="s">
        <v>494</v>
      </c>
      <c r="M157" s="3" t="s">
        <v>34</v>
      </c>
      <c r="N157" s="3" t="s">
        <v>35</v>
      </c>
      <c r="O157" s="3" t="s">
        <v>86</v>
      </c>
      <c r="P157" s="3" t="s">
        <v>37</v>
      </c>
      <c r="Q157" s="3" t="s">
        <v>37</v>
      </c>
      <c r="R157" s="3" t="s">
        <v>38</v>
      </c>
      <c r="S157" s="3" t="s">
        <v>608</v>
      </c>
      <c r="T157" s="3" t="s">
        <v>37</v>
      </c>
      <c r="U157" s="3" t="s">
        <v>37</v>
      </c>
      <c r="V157" s="3" t="s">
        <v>37</v>
      </c>
    </row>
    <row r="158" spans="1:22" x14ac:dyDescent="0.25">
      <c r="A158" s="3" t="s">
        <v>22</v>
      </c>
      <c r="B158" s="4" t="s">
        <v>519</v>
      </c>
      <c r="C158" s="3" t="s">
        <v>520</v>
      </c>
      <c r="D158" s="5" t="s">
        <v>219</v>
      </c>
      <c r="E158" s="3" t="s">
        <v>501</v>
      </c>
      <c r="F158" s="3" t="s">
        <v>609</v>
      </c>
      <c r="G158" s="3" t="s">
        <v>610</v>
      </c>
      <c r="H158" s="3" t="s">
        <v>225</v>
      </c>
      <c r="I158" s="3" t="s">
        <v>37</v>
      </c>
      <c r="J158" s="3" t="s">
        <v>611</v>
      </c>
      <c r="K158" s="3" t="s">
        <v>32</v>
      </c>
      <c r="L158" s="3" t="s">
        <v>101</v>
      </c>
      <c r="M158" s="3" t="s">
        <v>66</v>
      </c>
      <c r="N158" s="3" t="s">
        <v>67</v>
      </c>
      <c r="O158" s="3" t="s">
        <v>36</v>
      </c>
      <c r="P158" s="3" t="s">
        <v>53</v>
      </c>
      <c r="Q158" s="3" t="s">
        <v>37</v>
      </c>
      <c r="R158" s="3" t="s">
        <v>38</v>
      </c>
      <c r="S158" s="3" t="s">
        <v>612</v>
      </c>
      <c r="T158" s="3" t="s">
        <v>37</v>
      </c>
      <c r="U158" s="3" t="s">
        <v>37</v>
      </c>
      <c r="V158" s="3" t="s">
        <v>37</v>
      </c>
    </row>
    <row r="159" spans="1:22" x14ac:dyDescent="0.25">
      <c r="A159" s="3" t="s">
        <v>22</v>
      </c>
      <c r="B159" s="4" t="s">
        <v>519</v>
      </c>
      <c r="C159" s="3" t="s">
        <v>520</v>
      </c>
      <c r="D159" s="5" t="s">
        <v>223</v>
      </c>
      <c r="E159" s="3" t="s">
        <v>501</v>
      </c>
      <c r="F159" s="3" t="s">
        <v>613</v>
      </c>
      <c r="G159" s="3" t="s">
        <v>614</v>
      </c>
      <c r="H159" s="3" t="s">
        <v>225</v>
      </c>
      <c r="I159" s="3" t="s">
        <v>37</v>
      </c>
      <c r="J159" s="3" t="s">
        <v>615</v>
      </c>
      <c r="K159" s="3" t="s">
        <v>32</v>
      </c>
      <c r="L159" s="3" t="s">
        <v>101</v>
      </c>
      <c r="M159" s="3" t="s">
        <v>66</v>
      </c>
      <c r="N159" s="3" t="s">
        <v>67</v>
      </c>
      <c r="O159" s="3" t="s">
        <v>86</v>
      </c>
      <c r="P159" s="3" t="s">
        <v>53</v>
      </c>
      <c r="Q159" s="3" t="s">
        <v>37</v>
      </c>
      <c r="R159" s="3" t="s">
        <v>38</v>
      </c>
      <c r="S159" s="3" t="s">
        <v>616</v>
      </c>
      <c r="T159" s="3" t="s">
        <v>37</v>
      </c>
      <c r="U159" s="3" t="s">
        <v>37</v>
      </c>
      <c r="V159" s="3" t="s">
        <v>37</v>
      </c>
    </row>
    <row r="160" spans="1:22" x14ac:dyDescent="0.25">
      <c r="A160" s="3" t="s">
        <v>22</v>
      </c>
      <c r="B160" s="4" t="s">
        <v>519</v>
      </c>
      <c r="C160" s="3" t="s">
        <v>520</v>
      </c>
      <c r="D160" s="5" t="s">
        <v>228</v>
      </c>
      <c r="E160" s="3" t="s">
        <v>186</v>
      </c>
      <c r="F160" s="3" t="s">
        <v>617</v>
      </c>
      <c r="G160" s="3" t="s">
        <v>64</v>
      </c>
      <c r="H160" s="3" t="s">
        <v>64</v>
      </c>
      <c r="I160" s="3" t="s">
        <v>37</v>
      </c>
      <c r="J160" s="3" t="s">
        <v>618</v>
      </c>
      <c r="K160" s="3" t="s">
        <v>32</v>
      </c>
      <c r="L160" s="3" t="s">
        <v>101</v>
      </c>
      <c r="M160" s="3" t="s">
        <v>66</v>
      </c>
      <c r="N160" s="3" t="s">
        <v>67</v>
      </c>
      <c r="O160" s="3" t="s">
        <v>86</v>
      </c>
      <c r="P160" s="3" t="s">
        <v>53</v>
      </c>
      <c r="Q160" s="3" t="s">
        <v>37</v>
      </c>
      <c r="R160" s="3" t="s">
        <v>38</v>
      </c>
      <c r="S160" s="3" t="s">
        <v>619</v>
      </c>
      <c r="T160" s="3" t="s">
        <v>37</v>
      </c>
      <c r="U160" s="3" t="s">
        <v>37</v>
      </c>
      <c r="V160" s="3" t="s">
        <v>37</v>
      </c>
    </row>
    <row r="161" spans="1:22" x14ac:dyDescent="0.25">
      <c r="A161" s="3" t="s">
        <v>22</v>
      </c>
      <c r="B161" s="4" t="s">
        <v>519</v>
      </c>
      <c r="C161" s="3" t="s">
        <v>520</v>
      </c>
      <c r="D161" s="5" t="s">
        <v>233</v>
      </c>
      <c r="E161" s="3" t="s">
        <v>186</v>
      </c>
      <c r="F161" s="3" t="s">
        <v>620</v>
      </c>
      <c r="G161" s="3" t="s">
        <v>29</v>
      </c>
      <c r="H161" s="3" t="s">
        <v>64</v>
      </c>
      <c r="I161" s="3" t="s">
        <v>37</v>
      </c>
      <c r="J161" s="3" t="s">
        <v>621</v>
      </c>
      <c r="K161" s="3" t="s">
        <v>32</v>
      </c>
      <c r="L161" s="3" t="s">
        <v>101</v>
      </c>
      <c r="M161" s="3" t="s">
        <v>66</v>
      </c>
      <c r="N161" s="3" t="s">
        <v>67</v>
      </c>
      <c r="O161" s="3" t="s">
        <v>36</v>
      </c>
      <c r="P161" s="3" t="s">
        <v>53</v>
      </c>
      <c r="Q161" s="3" t="s">
        <v>37</v>
      </c>
      <c r="R161" s="3" t="s">
        <v>38</v>
      </c>
      <c r="S161" s="3" t="s">
        <v>622</v>
      </c>
      <c r="T161" s="3" t="s">
        <v>37</v>
      </c>
      <c r="U161" s="3" t="s">
        <v>37</v>
      </c>
      <c r="V161" s="3" t="s">
        <v>37</v>
      </c>
    </row>
    <row r="162" spans="1:22" x14ac:dyDescent="0.25">
      <c r="A162" s="3" t="s">
        <v>22</v>
      </c>
      <c r="B162" s="4" t="s">
        <v>519</v>
      </c>
      <c r="C162" s="3" t="s">
        <v>520</v>
      </c>
      <c r="D162" s="5" t="s">
        <v>238</v>
      </c>
      <c r="E162" s="3" t="s">
        <v>510</v>
      </c>
      <c r="F162" s="3" t="s">
        <v>623</v>
      </c>
      <c r="G162" s="3" t="s">
        <v>624</v>
      </c>
      <c r="H162" s="3" t="s">
        <v>64</v>
      </c>
      <c r="I162" s="3" t="s">
        <v>625</v>
      </c>
      <c r="J162" s="3" t="s">
        <v>626</v>
      </c>
      <c r="K162" s="3" t="s">
        <v>32</v>
      </c>
      <c r="L162" s="3" t="s">
        <v>101</v>
      </c>
      <c r="M162" s="3" t="s">
        <v>515</v>
      </c>
      <c r="N162" s="3" t="s">
        <v>516</v>
      </c>
      <c r="O162" s="3" t="s">
        <v>627</v>
      </c>
      <c r="P162" s="3" t="s">
        <v>53</v>
      </c>
      <c r="Q162" s="3" t="s">
        <v>73</v>
      </c>
      <c r="R162" s="3" t="s">
        <v>38</v>
      </c>
      <c r="S162" s="3" t="s">
        <v>628</v>
      </c>
      <c r="T162" s="3" t="s">
        <v>37</v>
      </c>
      <c r="U162" s="3" t="s">
        <v>37</v>
      </c>
      <c r="V162" s="3" t="s">
        <v>37</v>
      </c>
    </row>
    <row r="163" spans="1:22" x14ac:dyDescent="0.25">
      <c r="A163" s="3"/>
      <c r="B163" s="4"/>
      <c r="C163" s="3"/>
      <c r="D163" s="5"/>
      <c r="E163" s="6" t="s">
        <v>248</v>
      </c>
      <c r="F163" s="3"/>
      <c r="G163" s="3"/>
      <c r="H163" s="3"/>
      <c r="I163" s="3"/>
      <c r="J163" s="3"/>
      <c r="K163" s="3"/>
      <c r="L163" s="3"/>
      <c r="M163" s="3"/>
      <c r="N163" s="3"/>
      <c r="O163" s="3"/>
      <c r="P163" s="3"/>
      <c r="Q163" s="3"/>
      <c r="R163" s="3"/>
      <c r="S163" s="3"/>
      <c r="T163" s="3"/>
      <c r="U163" s="3"/>
      <c r="V163" s="3"/>
    </row>
    <row r="164" spans="1:22" x14ac:dyDescent="0.25">
      <c r="A164" s="3"/>
      <c r="B164" s="4"/>
      <c r="C164" s="3"/>
      <c r="D164" s="5"/>
      <c r="E164" s="6"/>
      <c r="F164" s="3"/>
      <c r="G164" s="3"/>
      <c r="H164" s="3"/>
      <c r="I164" s="3"/>
      <c r="J164" s="3"/>
      <c r="K164" s="3"/>
      <c r="L164" s="3"/>
      <c r="M164" s="3"/>
      <c r="N164" s="3"/>
      <c r="O164" s="3"/>
      <c r="P164" s="3"/>
      <c r="Q164" s="3"/>
      <c r="R164" s="3"/>
      <c r="S164" s="3"/>
      <c r="T164" s="3"/>
      <c r="U164" s="3"/>
      <c r="V164" s="3"/>
    </row>
    <row r="165" spans="1:22" x14ac:dyDescent="0.25">
      <c r="A165" s="3" t="s">
        <v>22</v>
      </c>
      <c r="B165" s="4" t="s">
        <v>629</v>
      </c>
      <c r="C165" s="3" t="s">
        <v>630</v>
      </c>
      <c r="D165" s="5" t="s">
        <v>25</v>
      </c>
      <c r="E165" s="3" t="s">
        <v>46</v>
      </c>
      <c r="F165" s="3" t="s">
        <v>303</v>
      </c>
      <c r="G165" s="3" t="s">
        <v>172</v>
      </c>
      <c r="H165" s="3" t="s">
        <v>29</v>
      </c>
      <c r="I165" s="3" t="s">
        <v>49</v>
      </c>
      <c r="J165" s="3" t="s">
        <v>304</v>
      </c>
      <c r="K165" s="3" t="s">
        <v>32</v>
      </c>
      <c r="L165" s="3" t="s">
        <v>33</v>
      </c>
      <c r="M165" s="3" t="s">
        <v>34</v>
      </c>
      <c r="N165" s="3" t="s">
        <v>51</v>
      </c>
      <c r="O165" s="3" t="s">
        <v>52</v>
      </c>
      <c r="P165" s="3" t="s">
        <v>53</v>
      </c>
      <c r="Q165" s="3" t="s">
        <v>37</v>
      </c>
      <c r="R165" s="3" t="s">
        <v>38</v>
      </c>
      <c r="S165" s="3" t="s">
        <v>305</v>
      </c>
      <c r="T165" s="3" t="s">
        <v>37</v>
      </c>
      <c r="U165" s="3" t="s">
        <v>37</v>
      </c>
      <c r="V165" s="3" t="s">
        <v>37</v>
      </c>
    </row>
    <row r="166" spans="1:22" x14ac:dyDescent="0.25">
      <c r="A166" s="3" t="s">
        <v>22</v>
      </c>
      <c r="B166" s="4" t="s">
        <v>629</v>
      </c>
      <c r="C166" s="3" t="s">
        <v>630</v>
      </c>
      <c r="D166" s="5" t="s">
        <v>40</v>
      </c>
      <c r="E166" s="3" t="s">
        <v>46</v>
      </c>
      <c r="F166" s="3" t="s">
        <v>307</v>
      </c>
      <c r="G166" s="3" t="s">
        <v>192</v>
      </c>
      <c r="H166" s="3" t="s">
        <v>29</v>
      </c>
      <c r="I166" s="3" t="s">
        <v>49</v>
      </c>
      <c r="J166" s="3" t="s">
        <v>308</v>
      </c>
      <c r="K166" s="3" t="s">
        <v>32</v>
      </c>
      <c r="L166" s="3" t="s">
        <v>33</v>
      </c>
      <c r="M166" s="3" t="s">
        <v>34</v>
      </c>
      <c r="N166" s="3" t="s">
        <v>51</v>
      </c>
      <c r="O166" s="3" t="s">
        <v>52</v>
      </c>
      <c r="P166" s="3" t="s">
        <v>53</v>
      </c>
      <c r="Q166" s="3" t="s">
        <v>37</v>
      </c>
      <c r="R166" s="3" t="s">
        <v>38</v>
      </c>
      <c r="S166" s="3" t="s">
        <v>309</v>
      </c>
      <c r="T166" s="3" t="s">
        <v>37</v>
      </c>
      <c r="U166" s="3" t="s">
        <v>37</v>
      </c>
      <c r="V166" s="3" t="s">
        <v>37</v>
      </c>
    </row>
    <row r="167" spans="1:22" x14ac:dyDescent="0.25">
      <c r="A167" s="3" t="s">
        <v>22</v>
      </c>
      <c r="B167" s="4" t="s">
        <v>629</v>
      </c>
      <c r="C167" s="3" t="s">
        <v>630</v>
      </c>
      <c r="D167" s="5" t="s">
        <v>631</v>
      </c>
      <c r="E167" s="3" t="s">
        <v>46</v>
      </c>
      <c r="F167" s="3" t="s">
        <v>632</v>
      </c>
      <c r="G167" s="3" t="s">
        <v>197</v>
      </c>
      <c r="H167" s="3" t="s">
        <v>29</v>
      </c>
      <c r="I167" s="3" t="s">
        <v>49</v>
      </c>
      <c r="J167" s="3" t="s">
        <v>633</v>
      </c>
      <c r="K167" s="3" t="s">
        <v>32</v>
      </c>
      <c r="L167" s="3" t="s">
        <v>33</v>
      </c>
      <c r="M167" s="3" t="s">
        <v>34</v>
      </c>
      <c r="N167" s="3" t="s">
        <v>51</v>
      </c>
      <c r="O167" s="3" t="s">
        <v>52</v>
      </c>
      <c r="P167" s="3" t="s">
        <v>53</v>
      </c>
      <c r="Q167" s="3" t="s">
        <v>37</v>
      </c>
      <c r="R167" s="3" t="s">
        <v>38</v>
      </c>
      <c r="S167" s="3" t="s">
        <v>634</v>
      </c>
      <c r="T167" s="3" t="s">
        <v>37</v>
      </c>
      <c r="U167" s="3" t="s">
        <v>37</v>
      </c>
      <c r="V167" s="3" t="s">
        <v>37</v>
      </c>
    </row>
    <row r="168" spans="1:22" x14ac:dyDescent="0.25">
      <c r="A168" s="3" t="s">
        <v>22</v>
      </c>
      <c r="B168" s="4" t="s">
        <v>629</v>
      </c>
      <c r="C168" s="3" t="s">
        <v>630</v>
      </c>
      <c r="D168" s="5" t="s">
        <v>635</v>
      </c>
      <c r="E168" s="3" t="s">
        <v>46</v>
      </c>
      <c r="F168" s="3" t="s">
        <v>474</v>
      </c>
      <c r="G168" s="3" t="s">
        <v>333</v>
      </c>
      <c r="H168" s="3" t="s">
        <v>29</v>
      </c>
      <c r="I168" s="3" t="s">
        <v>49</v>
      </c>
      <c r="J168" s="3" t="s">
        <v>475</v>
      </c>
      <c r="K168" s="3" t="s">
        <v>32</v>
      </c>
      <c r="L168" s="3" t="s">
        <v>33</v>
      </c>
      <c r="M168" s="3" t="s">
        <v>34</v>
      </c>
      <c r="N168" s="3" t="s">
        <v>51</v>
      </c>
      <c r="O168" s="3" t="s">
        <v>52</v>
      </c>
      <c r="P168" s="3" t="s">
        <v>53</v>
      </c>
      <c r="Q168" s="3" t="s">
        <v>37</v>
      </c>
      <c r="R168" s="3" t="s">
        <v>38</v>
      </c>
      <c r="S168" s="3" t="s">
        <v>476</v>
      </c>
      <c r="T168" s="3" t="s">
        <v>37</v>
      </c>
      <c r="U168" s="3" t="s">
        <v>37</v>
      </c>
      <c r="V168" s="3" t="s">
        <v>37</v>
      </c>
    </row>
    <row r="169" spans="1:22" x14ac:dyDescent="0.25">
      <c r="A169" s="3" t="s">
        <v>22</v>
      </c>
      <c r="B169" s="4" t="s">
        <v>629</v>
      </c>
      <c r="C169" s="3" t="s">
        <v>630</v>
      </c>
      <c r="D169" s="5" t="s">
        <v>60</v>
      </c>
      <c r="E169" s="3" t="s">
        <v>99</v>
      </c>
      <c r="F169" s="3" t="s">
        <v>37</v>
      </c>
      <c r="G169" s="3" t="s">
        <v>37</v>
      </c>
      <c r="H169" s="3" t="s">
        <v>37</v>
      </c>
      <c r="I169" s="3" t="s">
        <v>37</v>
      </c>
      <c r="J169" s="3" t="s">
        <v>100</v>
      </c>
      <c r="K169" s="3" t="s">
        <v>32</v>
      </c>
      <c r="L169" s="3" t="s">
        <v>101</v>
      </c>
      <c r="M169" s="3" t="s">
        <v>66</v>
      </c>
      <c r="N169" s="3" t="s">
        <v>80</v>
      </c>
      <c r="O169" s="3" t="s">
        <v>410</v>
      </c>
      <c r="P169" s="3" t="s">
        <v>37</v>
      </c>
      <c r="Q169" s="3" t="s">
        <v>37</v>
      </c>
      <c r="R169" s="3" t="s">
        <v>38</v>
      </c>
      <c r="S169" s="3" t="s">
        <v>102</v>
      </c>
      <c r="T169" s="3" t="s">
        <v>37</v>
      </c>
      <c r="U169" s="3" t="s">
        <v>37</v>
      </c>
      <c r="V169" s="3" t="s">
        <v>37</v>
      </c>
    </row>
    <row r="170" spans="1:22" x14ac:dyDescent="0.25">
      <c r="A170" s="3" t="s">
        <v>22</v>
      </c>
      <c r="B170" s="4" t="s">
        <v>629</v>
      </c>
      <c r="C170" s="3" t="s">
        <v>630</v>
      </c>
      <c r="D170" s="5" t="s">
        <v>636</v>
      </c>
      <c r="E170" s="3" t="s">
        <v>637</v>
      </c>
      <c r="F170" s="3" t="s">
        <v>37</v>
      </c>
      <c r="G170" s="3" t="s">
        <v>37</v>
      </c>
      <c r="H170" s="3" t="s">
        <v>37</v>
      </c>
      <c r="I170" s="3" t="s">
        <v>37</v>
      </c>
      <c r="J170" s="3" t="s">
        <v>638</v>
      </c>
      <c r="K170" s="3" t="s">
        <v>600</v>
      </c>
      <c r="L170" s="3" t="s">
        <v>101</v>
      </c>
      <c r="M170" s="3" t="s">
        <v>66</v>
      </c>
      <c r="N170" s="3" t="s">
        <v>80</v>
      </c>
      <c r="O170" s="3" t="s">
        <v>52</v>
      </c>
      <c r="P170" s="3" t="s">
        <v>37</v>
      </c>
      <c r="Q170" s="3" t="s">
        <v>37</v>
      </c>
      <c r="R170" s="3" t="s">
        <v>38</v>
      </c>
      <c r="S170" s="3" t="s">
        <v>639</v>
      </c>
      <c r="T170" s="3" t="s">
        <v>37</v>
      </c>
      <c r="U170" s="3" t="s">
        <v>37</v>
      </c>
      <c r="V170" s="3" t="s">
        <v>37</v>
      </c>
    </row>
    <row r="171" spans="1:22" x14ac:dyDescent="0.25">
      <c r="A171" s="3" t="s">
        <v>22</v>
      </c>
      <c r="B171" s="4" t="s">
        <v>629</v>
      </c>
      <c r="C171" s="3" t="s">
        <v>630</v>
      </c>
      <c r="D171" s="5" t="s">
        <v>640</v>
      </c>
      <c r="E171" s="3" t="s">
        <v>46</v>
      </c>
      <c r="F171" s="3" t="s">
        <v>641</v>
      </c>
      <c r="G171" s="3" t="s">
        <v>71</v>
      </c>
      <c r="H171" s="3" t="s">
        <v>64</v>
      </c>
      <c r="I171" s="3" t="s">
        <v>49</v>
      </c>
      <c r="J171" s="3" t="s">
        <v>642</v>
      </c>
      <c r="K171" s="3" t="s">
        <v>32</v>
      </c>
      <c r="L171" s="3" t="s">
        <v>33</v>
      </c>
      <c r="M171" s="3" t="s">
        <v>34</v>
      </c>
      <c r="N171" s="3" t="s">
        <v>35</v>
      </c>
      <c r="O171" s="3" t="s">
        <v>52</v>
      </c>
      <c r="P171" s="3" t="s">
        <v>53</v>
      </c>
      <c r="Q171" s="3" t="s">
        <v>73</v>
      </c>
      <c r="R171" s="3" t="s">
        <v>38</v>
      </c>
      <c r="S171" s="3" t="s">
        <v>643</v>
      </c>
      <c r="T171" s="3" t="s">
        <v>37</v>
      </c>
      <c r="U171" s="3" t="s">
        <v>37</v>
      </c>
      <c r="V171" s="3" t="s">
        <v>37</v>
      </c>
    </row>
    <row r="172" spans="1:22" x14ac:dyDescent="0.25">
      <c r="A172" s="3" t="s">
        <v>22</v>
      </c>
      <c r="B172" s="4" t="s">
        <v>629</v>
      </c>
      <c r="C172" s="3" t="s">
        <v>630</v>
      </c>
      <c r="D172" s="5" t="s">
        <v>421</v>
      </c>
      <c r="E172" s="3" t="s">
        <v>46</v>
      </c>
      <c r="F172" s="3" t="s">
        <v>89</v>
      </c>
      <c r="G172" s="3" t="s">
        <v>90</v>
      </c>
      <c r="H172" s="3" t="s">
        <v>64</v>
      </c>
      <c r="I172" s="3" t="s">
        <v>49</v>
      </c>
      <c r="J172" s="3" t="s">
        <v>91</v>
      </c>
      <c r="K172" s="3" t="s">
        <v>32</v>
      </c>
      <c r="L172" s="3" t="s">
        <v>33</v>
      </c>
      <c r="M172" s="3" t="s">
        <v>34</v>
      </c>
      <c r="N172" s="3" t="s">
        <v>35</v>
      </c>
      <c r="O172" s="3" t="s">
        <v>52</v>
      </c>
      <c r="P172" s="3" t="s">
        <v>53</v>
      </c>
      <c r="Q172" s="3" t="s">
        <v>73</v>
      </c>
      <c r="R172" s="3" t="s">
        <v>38</v>
      </c>
      <c r="S172" s="3" t="s">
        <v>92</v>
      </c>
      <c r="T172" s="3" t="s">
        <v>37</v>
      </c>
      <c r="U172" s="3" t="s">
        <v>37</v>
      </c>
      <c r="V172" s="3" t="s">
        <v>37</v>
      </c>
    </row>
    <row r="173" spans="1:22" x14ac:dyDescent="0.25">
      <c r="A173" s="3" t="s">
        <v>22</v>
      </c>
      <c r="B173" s="4" t="s">
        <v>629</v>
      </c>
      <c r="C173" s="3" t="s">
        <v>630</v>
      </c>
      <c r="D173" s="5" t="s">
        <v>644</v>
      </c>
      <c r="E173" s="3" t="s">
        <v>46</v>
      </c>
      <c r="F173" s="3" t="s">
        <v>94</v>
      </c>
      <c r="G173" s="3" t="s">
        <v>95</v>
      </c>
      <c r="H173" s="3" t="s">
        <v>64</v>
      </c>
      <c r="I173" s="3" t="s">
        <v>49</v>
      </c>
      <c r="J173" s="3" t="s">
        <v>96</v>
      </c>
      <c r="K173" s="3" t="s">
        <v>32</v>
      </c>
      <c r="L173" s="3" t="s">
        <v>33</v>
      </c>
      <c r="M173" s="3" t="s">
        <v>34</v>
      </c>
      <c r="N173" s="3" t="s">
        <v>35</v>
      </c>
      <c r="O173" s="3" t="s">
        <v>52</v>
      </c>
      <c r="P173" s="3" t="s">
        <v>53</v>
      </c>
      <c r="Q173" s="3" t="s">
        <v>73</v>
      </c>
      <c r="R173" s="3" t="s">
        <v>38</v>
      </c>
      <c r="S173" s="3" t="s">
        <v>97</v>
      </c>
      <c r="T173" s="3" t="s">
        <v>37</v>
      </c>
      <c r="U173" s="3" t="s">
        <v>37</v>
      </c>
      <c r="V173" s="3" t="s">
        <v>37</v>
      </c>
    </row>
    <row r="174" spans="1:22" x14ac:dyDescent="0.25">
      <c r="A174" s="3" t="s">
        <v>22</v>
      </c>
      <c r="B174" s="4" t="s">
        <v>629</v>
      </c>
      <c r="C174" s="3" t="s">
        <v>630</v>
      </c>
      <c r="D174" s="5" t="s">
        <v>306</v>
      </c>
      <c r="E174" s="3" t="s">
        <v>61</v>
      </c>
      <c r="F174" s="3" t="s">
        <v>645</v>
      </c>
      <c r="G174" s="3" t="s">
        <v>291</v>
      </c>
      <c r="H174" s="3" t="s">
        <v>64</v>
      </c>
      <c r="I174" s="3" t="s">
        <v>37</v>
      </c>
      <c r="J174" s="3" t="s">
        <v>646</v>
      </c>
      <c r="K174" s="3" t="s">
        <v>32</v>
      </c>
      <c r="L174" s="3" t="s">
        <v>33</v>
      </c>
      <c r="M174" s="3" t="s">
        <v>66</v>
      </c>
      <c r="N174" s="3" t="s">
        <v>67</v>
      </c>
      <c r="O174" s="3" t="s">
        <v>52</v>
      </c>
      <c r="P174" s="3" t="s">
        <v>53</v>
      </c>
      <c r="Q174" s="3" t="s">
        <v>37</v>
      </c>
      <c r="R174" s="3" t="s">
        <v>38</v>
      </c>
      <c r="S174" s="3" t="s">
        <v>647</v>
      </c>
      <c r="T174" s="3" t="s">
        <v>37</v>
      </c>
      <c r="U174" s="3" t="s">
        <v>37</v>
      </c>
      <c r="V174" s="3" t="s">
        <v>37</v>
      </c>
    </row>
    <row r="175" spans="1:22" x14ac:dyDescent="0.25">
      <c r="A175" s="3" t="s">
        <v>22</v>
      </c>
      <c r="B175" s="4" t="s">
        <v>629</v>
      </c>
      <c r="C175" s="3" t="s">
        <v>630</v>
      </c>
      <c r="D175" s="5" t="s">
        <v>648</v>
      </c>
      <c r="E175" s="3" t="s">
        <v>61</v>
      </c>
      <c r="F175" s="3" t="s">
        <v>649</v>
      </c>
      <c r="G175" s="3" t="s">
        <v>286</v>
      </c>
      <c r="H175" s="3" t="s">
        <v>64</v>
      </c>
      <c r="I175" s="3" t="s">
        <v>37</v>
      </c>
      <c r="J175" s="3" t="s">
        <v>650</v>
      </c>
      <c r="K175" s="3" t="s">
        <v>32</v>
      </c>
      <c r="L175" s="3" t="s">
        <v>33</v>
      </c>
      <c r="M175" s="3" t="s">
        <v>66</v>
      </c>
      <c r="N175" s="3" t="s">
        <v>67</v>
      </c>
      <c r="O175" s="3" t="s">
        <v>68</v>
      </c>
      <c r="P175" s="3" t="s">
        <v>53</v>
      </c>
      <c r="Q175" s="3" t="s">
        <v>37</v>
      </c>
      <c r="R175" s="3" t="s">
        <v>38</v>
      </c>
      <c r="S175" s="3" t="s">
        <v>651</v>
      </c>
      <c r="T175" s="3" t="s">
        <v>37</v>
      </c>
      <c r="U175" s="3" t="s">
        <v>37</v>
      </c>
      <c r="V175" s="3" t="s">
        <v>37</v>
      </c>
    </row>
    <row r="176" spans="1:22" x14ac:dyDescent="0.25">
      <c r="A176" s="3" t="s">
        <v>22</v>
      </c>
      <c r="B176" s="4" t="s">
        <v>629</v>
      </c>
      <c r="C176" s="3" t="s">
        <v>630</v>
      </c>
      <c r="D176" s="5" t="s">
        <v>109</v>
      </c>
      <c r="E176" s="3" t="s">
        <v>46</v>
      </c>
      <c r="F176" s="3" t="s">
        <v>632</v>
      </c>
      <c r="G176" s="3" t="s">
        <v>197</v>
      </c>
      <c r="H176" s="3" t="s">
        <v>29</v>
      </c>
      <c r="I176" s="3" t="s">
        <v>49</v>
      </c>
      <c r="J176" s="3" t="s">
        <v>633</v>
      </c>
      <c r="K176" s="3" t="s">
        <v>32</v>
      </c>
      <c r="L176" s="3" t="s">
        <v>33</v>
      </c>
      <c r="M176" s="3" t="s">
        <v>34</v>
      </c>
      <c r="N176" s="3" t="s">
        <v>51</v>
      </c>
      <c r="O176" s="3" t="s">
        <v>52</v>
      </c>
      <c r="P176" s="3" t="s">
        <v>53</v>
      </c>
      <c r="Q176" s="3" t="s">
        <v>37</v>
      </c>
      <c r="R176" s="3" t="s">
        <v>38</v>
      </c>
      <c r="S176" s="3" t="s">
        <v>634</v>
      </c>
      <c r="T176" s="3" t="s">
        <v>37</v>
      </c>
      <c r="U176" s="3" t="s">
        <v>37</v>
      </c>
      <c r="V176" s="3" t="s">
        <v>37</v>
      </c>
    </row>
    <row r="177" spans="1:22" x14ac:dyDescent="0.25">
      <c r="A177" s="3" t="s">
        <v>22</v>
      </c>
      <c r="B177" s="4" t="s">
        <v>629</v>
      </c>
      <c r="C177" s="3" t="s">
        <v>630</v>
      </c>
      <c r="D177" s="5" t="s">
        <v>115</v>
      </c>
      <c r="E177" s="3" t="s">
        <v>46</v>
      </c>
      <c r="F177" s="3" t="s">
        <v>201</v>
      </c>
      <c r="G177" s="3" t="s">
        <v>202</v>
      </c>
      <c r="H177" s="3" t="s">
        <v>29</v>
      </c>
      <c r="I177" s="3" t="s">
        <v>49</v>
      </c>
      <c r="J177" s="3" t="s">
        <v>203</v>
      </c>
      <c r="K177" s="3" t="s">
        <v>32</v>
      </c>
      <c r="L177" s="3" t="s">
        <v>33</v>
      </c>
      <c r="M177" s="3" t="s">
        <v>34</v>
      </c>
      <c r="N177" s="3" t="s">
        <v>51</v>
      </c>
      <c r="O177" s="3" t="s">
        <v>86</v>
      </c>
      <c r="P177" s="3" t="s">
        <v>53</v>
      </c>
      <c r="Q177" s="3" t="s">
        <v>37</v>
      </c>
      <c r="R177" s="3" t="s">
        <v>38</v>
      </c>
      <c r="S177" s="3" t="s">
        <v>204</v>
      </c>
      <c r="T177" s="3" t="s">
        <v>37</v>
      </c>
      <c r="U177" s="3" t="s">
        <v>37</v>
      </c>
      <c r="V177" s="3" t="s">
        <v>37</v>
      </c>
    </row>
    <row r="178" spans="1:22" x14ac:dyDescent="0.25">
      <c r="A178" s="3" t="s">
        <v>22</v>
      </c>
      <c r="B178" s="4" t="s">
        <v>629</v>
      </c>
      <c r="C178" s="3" t="s">
        <v>630</v>
      </c>
      <c r="D178" s="5" t="s">
        <v>652</v>
      </c>
      <c r="E178" s="3" t="s">
        <v>46</v>
      </c>
      <c r="F178" s="3" t="s">
        <v>206</v>
      </c>
      <c r="G178" s="3" t="s">
        <v>117</v>
      </c>
      <c r="H178" s="3" t="s">
        <v>29</v>
      </c>
      <c r="I178" s="3" t="s">
        <v>49</v>
      </c>
      <c r="J178" s="3" t="s">
        <v>207</v>
      </c>
      <c r="K178" s="3" t="s">
        <v>32</v>
      </c>
      <c r="L178" s="3" t="s">
        <v>33</v>
      </c>
      <c r="M178" s="3" t="s">
        <v>34</v>
      </c>
      <c r="N178" s="3" t="s">
        <v>51</v>
      </c>
      <c r="O178" s="3" t="s">
        <v>52</v>
      </c>
      <c r="P178" s="3" t="s">
        <v>53</v>
      </c>
      <c r="Q178" s="3" t="s">
        <v>37</v>
      </c>
      <c r="R178" s="3" t="s">
        <v>38</v>
      </c>
      <c r="S178" s="3" t="s">
        <v>208</v>
      </c>
      <c r="T178" s="3" t="s">
        <v>37</v>
      </c>
      <c r="U178" s="3" t="s">
        <v>37</v>
      </c>
      <c r="V178" s="3" t="s">
        <v>37</v>
      </c>
    </row>
    <row r="179" spans="1:22" x14ac:dyDescent="0.25">
      <c r="A179" s="3" t="s">
        <v>22</v>
      </c>
      <c r="B179" s="4" t="s">
        <v>629</v>
      </c>
      <c r="C179" s="3" t="s">
        <v>630</v>
      </c>
      <c r="D179" s="5" t="s">
        <v>653</v>
      </c>
      <c r="E179" s="3" t="s">
        <v>132</v>
      </c>
      <c r="F179" s="3" t="s">
        <v>654</v>
      </c>
      <c r="G179" s="3" t="s">
        <v>211</v>
      </c>
      <c r="H179" s="3" t="s">
        <v>78</v>
      </c>
      <c r="I179" s="3" t="s">
        <v>37</v>
      </c>
      <c r="J179" s="3" t="s">
        <v>37</v>
      </c>
      <c r="K179" s="3" t="s">
        <v>32</v>
      </c>
      <c r="L179" s="3" t="s">
        <v>33</v>
      </c>
      <c r="M179" s="3" t="s">
        <v>66</v>
      </c>
      <c r="N179" s="3" t="s">
        <v>80</v>
      </c>
      <c r="O179" s="3" t="s">
        <v>68</v>
      </c>
      <c r="P179" s="3" t="s">
        <v>37</v>
      </c>
      <c r="Q179" s="3" t="s">
        <v>37</v>
      </c>
      <c r="R179" s="3" t="s">
        <v>38</v>
      </c>
      <c r="S179" s="3" t="s">
        <v>655</v>
      </c>
      <c r="T179" s="3" t="s">
        <v>121</v>
      </c>
      <c r="U179" s="3" t="s">
        <v>37</v>
      </c>
      <c r="V179" s="3" t="s">
        <v>37</v>
      </c>
    </row>
    <row r="180" spans="1:22" x14ac:dyDescent="0.25">
      <c r="A180" s="3" t="s">
        <v>22</v>
      </c>
      <c r="B180" s="4" t="s">
        <v>629</v>
      </c>
      <c r="C180" s="3" t="s">
        <v>630</v>
      </c>
      <c r="D180" s="5" t="s">
        <v>656</v>
      </c>
      <c r="E180" s="3" t="s">
        <v>132</v>
      </c>
      <c r="F180" s="3" t="s">
        <v>654</v>
      </c>
      <c r="G180" s="3" t="s">
        <v>216</v>
      </c>
      <c r="H180" s="3" t="s">
        <v>78</v>
      </c>
      <c r="I180" s="3" t="s">
        <v>37</v>
      </c>
      <c r="J180" s="3" t="s">
        <v>37</v>
      </c>
      <c r="K180" s="3" t="s">
        <v>32</v>
      </c>
      <c r="L180" s="3" t="s">
        <v>33</v>
      </c>
      <c r="M180" s="3" t="s">
        <v>66</v>
      </c>
      <c r="N180" s="3" t="s">
        <v>80</v>
      </c>
      <c r="O180" s="3" t="s">
        <v>68</v>
      </c>
      <c r="P180" s="3" t="s">
        <v>37</v>
      </c>
      <c r="Q180" s="3" t="s">
        <v>37</v>
      </c>
      <c r="R180" s="3" t="s">
        <v>38</v>
      </c>
      <c r="S180" s="3" t="s">
        <v>657</v>
      </c>
      <c r="T180" s="3" t="s">
        <v>121</v>
      </c>
      <c r="U180" s="3" t="s">
        <v>37</v>
      </c>
      <c r="V180" s="3" t="s">
        <v>37</v>
      </c>
    </row>
    <row r="181" spans="1:22" x14ac:dyDescent="0.25">
      <c r="A181" s="3" t="s">
        <v>22</v>
      </c>
      <c r="B181" s="4" t="s">
        <v>629</v>
      </c>
      <c r="C181" s="3" t="s">
        <v>630</v>
      </c>
      <c r="D181" s="5" t="s">
        <v>658</v>
      </c>
      <c r="E181" s="3" t="s">
        <v>132</v>
      </c>
      <c r="F181" s="3" t="s">
        <v>659</v>
      </c>
      <c r="G181" s="3" t="s">
        <v>253</v>
      </c>
      <c r="H181" s="3" t="s">
        <v>29</v>
      </c>
      <c r="I181" s="3" t="s">
        <v>394</v>
      </c>
      <c r="J181" s="3" t="s">
        <v>660</v>
      </c>
      <c r="K181" s="3" t="s">
        <v>32</v>
      </c>
      <c r="L181" s="3" t="s">
        <v>33</v>
      </c>
      <c r="M181" s="3" t="s">
        <v>66</v>
      </c>
      <c r="N181" s="3" t="s">
        <v>67</v>
      </c>
      <c r="O181" s="3" t="s">
        <v>52</v>
      </c>
      <c r="P181" s="3" t="s">
        <v>53</v>
      </c>
      <c r="Q181" s="3" t="s">
        <v>37</v>
      </c>
      <c r="R181" s="3" t="s">
        <v>38</v>
      </c>
      <c r="S181" s="3" t="s">
        <v>661</v>
      </c>
      <c r="T181" s="3" t="s">
        <v>37</v>
      </c>
      <c r="U181" s="3" t="s">
        <v>37</v>
      </c>
      <c r="V181" s="3" t="s">
        <v>37</v>
      </c>
    </row>
    <row r="182" spans="1:22" x14ac:dyDescent="0.25">
      <c r="A182" s="3" t="s">
        <v>22</v>
      </c>
      <c r="B182" s="4" t="s">
        <v>629</v>
      </c>
      <c r="C182" s="3" t="s">
        <v>630</v>
      </c>
      <c r="D182" s="5" t="s">
        <v>154</v>
      </c>
      <c r="E182" s="3" t="s">
        <v>46</v>
      </c>
      <c r="F182" s="3" t="s">
        <v>662</v>
      </c>
      <c r="G182" s="3" t="s">
        <v>329</v>
      </c>
      <c r="H182" s="3" t="s">
        <v>29</v>
      </c>
      <c r="I182" s="3" t="s">
        <v>49</v>
      </c>
      <c r="J182" s="3" t="s">
        <v>663</v>
      </c>
      <c r="K182" s="3" t="s">
        <v>32</v>
      </c>
      <c r="L182" s="3" t="s">
        <v>33</v>
      </c>
      <c r="M182" s="3" t="s">
        <v>34</v>
      </c>
      <c r="N182" s="3" t="s">
        <v>51</v>
      </c>
      <c r="O182" s="3" t="s">
        <v>52</v>
      </c>
      <c r="P182" s="3" t="s">
        <v>53</v>
      </c>
      <c r="Q182" s="3" t="s">
        <v>37</v>
      </c>
      <c r="R182" s="3" t="s">
        <v>38</v>
      </c>
      <c r="S182" s="3" t="s">
        <v>664</v>
      </c>
      <c r="T182" s="3" t="s">
        <v>37</v>
      </c>
      <c r="U182" s="3" t="s">
        <v>37</v>
      </c>
      <c r="V182" s="3" t="s">
        <v>37</v>
      </c>
    </row>
    <row r="183" spans="1:22" x14ac:dyDescent="0.25">
      <c r="A183" s="3" t="s">
        <v>22</v>
      </c>
      <c r="B183" s="4" t="s">
        <v>629</v>
      </c>
      <c r="C183" s="3" t="s">
        <v>630</v>
      </c>
      <c r="D183" s="5" t="s">
        <v>665</v>
      </c>
      <c r="E183" s="3" t="s">
        <v>46</v>
      </c>
      <c r="F183" s="3" t="s">
        <v>47</v>
      </c>
      <c r="G183" s="3" t="s">
        <v>48</v>
      </c>
      <c r="H183" s="3" t="s">
        <v>29</v>
      </c>
      <c r="I183" s="3" t="s">
        <v>49</v>
      </c>
      <c r="J183" s="3" t="s">
        <v>50</v>
      </c>
      <c r="K183" s="3" t="s">
        <v>32</v>
      </c>
      <c r="L183" s="3" t="s">
        <v>33</v>
      </c>
      <c r="M183" s="3" t="s">
        <v>34</v>
      </c>
      <c r="N183" s="3" t="s">
        <v>51</v>
      </c>
      <c r="O183" s="3" t="s">
        <v>52</v>
      </c>
      <c r="P183" s="3" t="s">
        <v>53</v>
      </c>
      <c r="Q183" s="3" t="s">
        <v>37</v>
      </c>
      <c r="R183" s="3" t="s">
        <v>38</v>
      </c>
      <c r="S183" s="3" t="s">
        <v>54</v>
      </c>
      <c r="T183" s="3" t="s">
        <v>37</v>
      </c>
      <c r="U183" s="3" t="s">
        <v>37</v>
      </c>
      <c r="V183" s="3" t="s">
        <v>37</v>
      </c>
    </row>
    <row r="184" spans="1:22" x14ac:dyDescent="0.25">
      <c r="A184" s="3" t="s">
        <v>22</v>
      </c>
      <c r="B184" s="4" t="s">
        <v>629</v>
      </c>
      <c r="C184" s="3" t="s">
        <v>630</v>
      </c>
      <c r="D184" s="5" t="s">
        <v>666</v>
      </c>
      <c r="E184" s="3" t="s">
        <v>46</v>
      </c>
      <c r="F184" s="3" t="s">
        <v>363</v>
      </c>
      <c r="G184" s="3" t="s">
        <v>364</v>
      </c>
      <c r="H184" s="3" t="s">
        <v>78</v>
      </c>
      <c r="I184" s="3" t="s">
        <v>49</v>
      </c>
      <c r="J184" s="3" t="s">
        <v>365</v>
      </c>
      <c r="K184" s="3" t="s">
        <v>32</v>
      </c>
      <c r="L184" s="3" t="s">
        <v>33</v>
      </c>
      <c r="M184" s="3" t="s">
        <v>34</v>
      </c>
      <c r="N184" s="3" t="s">
        <v>67</v>
      </c>
      <c r="O184" s="3" t="s">
        <v>52</v>
      </c>
      <c r="P184" s="3" t="s">
        <v>53</v>
      </c>
      <c r="Q184" s="3" t="s">
        <v>37</v>
      </c>
      <c r="R184" s="3" t="s">
        <v>38</v>
      </c>
      <c r="S184" s="3" t="s">
        <v>366</v>
      </c>
      <c r="T184" s="3" t="s">
        <v>37</v>
      </c>
      <c r="U184" s="3" t="s">
        <v>37</v>
      </c>
      <c r="V184" s="3" t="s">
        <v>37</v>
      </c>
    </row>
    <row r="185" spans="1:22" x14ac:dyDescent="0.25">
      <c r="A185" s="3" t="s">
        <v>22</v>
      </c>
      <c r="B185" s="4" t="s">
        <v>629</v>
      </c>
      <c r="C185" s="3" t="s">
        <v>630</v>
      </c>
      <c r="D185" s="5" t="s">
        <v>175</v>
      </c>
      <c r="E185" s="3" t="s">
        <v>399</v>
      </c>
      <c r="F185" s="3" t="s">
        <v>667</v>
      </c>
      <c r="G185" s="3" t="s">
        <v>321</v>
      </c>
      <c r="H185" s="3" t="s">
        <v>29</v>
      </c>
      <c r="I185" s="3" t="s">
        <v>37</v>
      </c>
      <c r="J185" s="3" t="s">
        <v>668</v>
      </c>
      <c r="K185" s="3" t="s">
        <v>32</v>
      </c>
      <c r="L185" s="3" t="s">
        <v>33</v>
      </c>
      <c r="M185" s="3" t="s">
        <v>66</v>
      </c>
      <c r="N185" s="3" t="s">
        <v>80</v>
      </c>
      <c r="O185" s="3" t="s">
        <v>52</v>
      </c>
      <c r="P185" s="3" t="s">
        <v>37</v>
      </c>
      <c r="Q185" s="3" t="s">
        <v>37</v>
      </c>
      <c r="R185" s="3" t="s">
        <v>38</v>
      </c>
      <c r="S185" s="3" t="s">
        <v>669</v>
      </c>
      <c r="T185" s="3" t="s">
        <v>37</v>
      </c>
      <c r="U185" s="3" t="s">
        <v>37</v>
      </c>
      <c r="V185" s="3" t="s">
        <v>37</v>
      </c>
    </row>
    <row r="186" spans="1:22" x14ac:dyDescent="0.25">
      <c r="A186" s="3" t="s">
        <v>22</v>
      </c>
      <c r="B186" s="4" t="s">
        <v>629</v>
      </c>
      <c r="C186" s="3" t="s">
        <v>630</v>
      </c>
      <c r="D186" s="5" t="s">
        <v>180</v>
      </c>
      <c r="E186" s="3" t="s">
        <v>399</v>
      </c>
      <c r="F186" s="3" t="s">
        <v>670</v>
      </c>
      <c r="G186" s="3" t="s">
        <v>325</v>
      </c>
      <c r="H186" s="3" t="s">
        <v>29</v>
      </c>
      <c r="I186" s="3" t="s">
        <v>37</v>
      </c>
      <c r="J186" s="3" t="s">
        <v>671</v>
      </c>
      <c r="K186" s="3" t="s">
        <v>32</v>
      </c>
      <c r="L186" s="3" t="s">
        <v>33</v>
      </c>
      <c r="M186" s="3" t="s">
        <v>66</v>
      </c>
      <c r="N186" s="3" t="s">
        <v>80</v>
      </c>
      <c r="O186" s="3" t="s">
        <v>52</v>
      </c>
      <c r="P186" s="3" t="s">
        <v>53</v>
      </c>
      <c r="Q186" s="3" t="s">
        <v>37</v>
      </c>
      <c r="R186" s="3" t="s">
        <v>38</v>
      </c>
      <c r="S186" s="3" t="s">
        <v>672</v>
      </c>
      <c r="T186" s="3" t="s">
        <v>37</v>
      </c>
      <c r="U186" s="3" t="s">
        <v>37</v>
      </c>
      <c r="V186" s="3" t="s">
        <v>139</v>
      </c>
    </row>
    <row r="187" spans="1:22" x14ac:dyDescent="0.25">
      <c r="A187" s="3" t="s">
        <v>22</v>
      </c>
      <c r="B187" s="4" t="s">
        <v>629</v>
      </c>
      <c r="C187" s="3" t="s">
        <v>630</v>
      </c>
      <c r="D187" s="5" t="s">
        <v>185</v>
      </c>
      <c r="E187" s="3" t="s">
        <v>46</v>
      </c>
      <c r="F187" s="3" t="s">
        <v>353</v>
      </c>
      <c r="G187" s="3" t="s">
        <v>354</v>
      </c>
      <c r="H187" s="3" t="s">
        <v>78</v>
      </c>
      <c r="I187" s="3" t="s">
        <v>49</v>
      </c>
      <c r="J187" s="3" t="s">
        <v>355</v>
      </c>
      <c r="K187" s="3" t="s">
        <v>32</v>
      </c>
      <c r="L187" s="3" t="s">
        <v>33</v>
      </c>
      <c r="M187" s="3" t="s">
        <v>34</v>
      </c>
      <c r="N187" s="3" t="s">
        <v>67</v>
      </c>
      <c r="O187" s="3" t="s">
        <v>52</v>
      </c>
      <c r="P187" s="3" t="s">
        <v>53</v>
      </c>
      <c r="Q187" s="3" t="s">
        <v>37</v>
      </c>
      <c r="R187" s="3" t="s">
        <v>38</v>
      </c>
      <c r="S187" s="3" t="s">
        <v>356</v>
      </c>
      <c r="T187" s="3" t="s">
        <v>37</v>
      </c>
      <c r="U187" s="3" t="s">
        <v>37</v>
      </c>
      <c r="V187" s="3" t="s">
        <v>37</v>
      </c>
    </row>
    <row r="188" spans="1:22" x14ac:dyDescent="0.25">
      <c r="A188" s="3" t="s">
        <v>22</v>
      </c>
      <c r="B188" s="4" t="s">
        <v>629</v>
      </c>
      <c r="C188" s="3" t="s">
        <v>630</v>
      </c>
      <c r="D188" s="5" t="s">
        <v>190</v>
      </c>
      <c r="E188" s="3" t="s">
        <v>46</v>
      </c>
      <c r="F188" s="3" t="s">
        <v>357</v>
      </c>
      <c r="G188" s="3" t="s">
        <v>77</v>
      </c>
      <c r="H188" s="3" t="s">
        <v>78</v>
      </c>
      <c r="I188" s="3" t="s">
        <v>49</v>
      </c>
      <c r="J188" s="3" t="s">
        <v>358</v>
      </c>
      <c r="K188" s="3" t="s">
        <v>32</v>
      </c>
      <c r="L188" s="3" t="s">
        <v>33</v>
      </c>
      <c r="M188" s="3" t="s">
        <v>34</v>
      </c>
      <c r="N188" s="3" t="s">
        <v>67</v>
      </c>
      <c r="O188" s="3" t="s">
        <v>52</v>
      </c>
      <c r="P188" s="3" t="s">
        <v>53</v>
      </c>
      <c r="Q188" s="3" t="s">
        <v>37</v>
      </c>
      <c r="R188" s="3" t="s">
        <v>38</v>
      </c>
      <c r="S188" s="3" t="s">
        <v>359</v>
      </c>
      <c r="T188" s="3" t="s">
        <v>37</v>
      </c>
      <c r="U188" s="3" t="s">
        <v>37</v>
      </c>
      <c r="V188" s="3" t="s">
        <v>37</v>
      </c>
    </row>
    <row r="189" spans="1:22" x14ac:dyDescent="0.25">
      <c r="A189" s="3" t="s">
        <v>22</v>
      </c>
      <c r="B189" s="4" t="s">
        <v>629</v>
      </c>
      <c r="C189" s="3" t="s">
        <v>630</v>
      </c>
      <c r="D189" s="5" t="s">
        <v>195</v>
      </c>
      <c r="E189" s="3" t="s">
        <v>46</v>
      </c>
      <c r="F189" s="3" t="s">
        <v>360</v>
      </c>
      <c r="G189" s="3" t="s">
        <v>84</v>
      </c>
      <c r="H189" s="3" t="s">
        <v>78</v>
      </c>
      <c r="I189" s="3" t="s">
        <v>49</v>
      </c>
      <c r="J189" s="3" t="s">
        <v>361</v>
      </c>
      <c r="K189" s="3" t="s">
        <v>32</v>
      </c>
      <c r="L189" s="3" t="s">
        <v>33</v>
      </c>
      <c r="M189" s="3" t="s">
        <v>34</v>
      </c>
      <c r="N189" s="3" t="s">
        <v>67</v>
      </c>
      <c r="O189" s="3" t="s">
        <v>52</v>
      </c>
      <c r="P189" s="3" t="s">
        <v>53</v>
      </c>
      <c r="Q189" s="3" t="s">
        <v>37</v>
      </c>
      <c r="R189" s="3" t="s">
        <v>38</v>
      </c>
      <c r="S189" s="3" t="s">
        <v>362</v>
      </c>
      <c r="T189" s="3" t="s">
        <v>37</v>
      </c>
      <c r="U189" s="3" t="s">
        <v>37</v>
      </c>
      <c r="V189" s="3" t="s">
        <v>37</v>
      </c>
    </row>
    <row r="190" spans="1:22" x14ac:dyDescent="0.25">
      <c r="A190" s="3" t="s">
        <v>22</v>
      </c>
      <c r="B190" s="4" t="s">
        <v>629</v>
      </c>
      <c r="C190" s="3" t="s">
        <v>630</v>
      </c>
      <c r="D190" s="5" t="s">
        <v>200</v>
      </c>
      <c r="E190" s="3" t="s">
        <v>75</v>
      </c>
      <c r="F190" s="3" t="s">
        <v>536</v>
      </c>
      <c r="G190" s="3" t="s">
        <v>537</v>
      </c>
      <c r="H190" s="3" t="s">
        <v>64</v>
      </c>
      <c r="I190" s="3" t="s">
        <v>282</v>
      </c>
      <c r="J190" s="3" t="s">
        <v>538</v>
      </c>
      <c r="K190" s="3" t="s">
        <v>32</v>
      </c>
      <c r="L190" s="3" t="s">
        <v>33</v>
      </c>
      <c r="M190" s="3" t="s">
        <v>66</v>
      </c>
      <c r="N190" s="3" t="s">
        <v>51</v>
      </c>
      <c r="O190" s="3" t="s">
        <v>52</v>
      </c>
      <c r="P190" s="3" t="s">
        <v>37</v>
      </c>
      <c r="Q190" s="3" t="s">
        <v>37</v>
      </c>
      <c r="R190" s="3" t="s">
        <v>38</v>
      </c>
      <c r="S190" s="3" t="s">
        <v>539</v>
      </c>
      <c r="T190" s="3" t="s">
        <v>37</v>
      </c>
      <c r="U190" s="3" t="s">
        <v>37</v>
      </c>
      <c r="V190" s="3" t="s">
        <v>37</v>
      </c>
    </row>
    <row r="191" spans="1:22" x14ac:dyDescent="0.25">
      <c r="A191" s="3" t="s">
        <v>22</v>
      </c>
      <c r="B191" s="4" t="s">
        <v>629</v>
      </c>
      <c r="C191" s="3" t="s">
        <v>630</v>
      </c>
      <c r="D191" s="5" t="s">
        <v>205</v>
      </c>
      <c r="E191" s="3" t="s">
        <v>75</v>
      </c>
      <c r="F191" s="3" t="s">
        <v>295</v>
      </c>
      <c r="G191" s="3" t="s">
        <v>63</v>
      </c>
      <c r="H191" s="3" t="s">
        <v>64</v>
      </c>
      <c r="I191" s="3" t="s">
        <v>282</v>
      </c>
      <c r="J191" s="3" t="s">
        <v>296</v>
      </c>
      <c r="K191" s="3" t="s">
        <v>32</v>
      </c>
      <c r="L191" s="3" t="s">
        <v>33</v>
      </c>
      <c r="M191" s="3" t="s">
        <v>66</v>
      </c>
      <c r="N191" s="3" t="s">
        <v>51</v>
      </c>
      <c r="O191" s="3" t="s">
        <v>52</v>
      </c>
      <c r="P191" s="3" t="s">
        <v>37</v>
      </c>
      <c r="Q191" s="3" t="s">
        <v>37</v>
      </c>
      <c r="R191" s="3" t="s">
        <v>38</v>
      </c>
      <c r="S191" s="3" t="s">
        <v>297</v>
      </c>
      <c r="T191" s="3" t="s">
        <v>37</v>
      </c>
      <c r="U191" s="3" t="s">
        <v>37</v>
      </c>
      <c r="V191" s="3" t="s">
        <v>37</v>
      </c>
    </row>
    <row r="192" spans="1:22" x14ac:dyDescent="0.25">
      <c r="A192" s="3" t="s">
        <v>22</v>
      </c>
      <c r="B192" s="4" t="s">
        <v>629</v>
      </c>
      <c r="C192" s="3" t="s">
        <v>630</v>
      </c>
      <c r="D192" s="5" t="s">
        <v>489</v>
      </c>
      <c r="E192" s="3" t="s">
        <v>490</v>
      </c>
      <c r="F192" s="3" t="s">
        <v>673</v>
      </c>
      <c r="G192" s="3" t="s">
        <v>565</v>
      </c>
      <c r="H192" s="3" t="s">
        <v>64</v>
      </c>
      <c r="I192" s="3" t="s">
        <v>498</v>
      </c>
      <c r="J192" s="3" t="s">
        <v>674</v>
      </c>
      <c r="K192" s="3" t="s">
        <v>32</v>
      </c>
      <c r="L192" s="3" t="s">
        <v>494</v>
      </c>
      <c r="M192" s="3" t="s">
        <v>34</v>
      </c>
      <c r="N192" s="3" t="s">
        <v>35</v>
      </c>
      <c r="O192" s="3" t="s">
        <v>86</v>
      </c>
      <c r="P192" s="3" t="s">
        <v>37</v>
      </c>
      <c r="Q192" s="3" t="s">
        <v>37</v>
      </c>
      <c r="R192" s="3" t="s">
        <v>38</v>
      </c>
      <c r="S192" s="3" t="s">
        <v>675</v>
      </c>
      <c r="T192" s="3" t="s">
        <v>37</v>
      </c>
      <c r="U192" s="3" t="s">
        <v>37</v>
      </c>
      <c r="V192" s="3" t="s">
        <v>37</v>
      </c>
    </row>
    <row r="193" spans="1:22" x14ac:dyDescent="0.25">
      <c r="A193" s="3" t="s">
        <v>22</v>
      </c>
      <c r="B193" s="4" t="s">
        <v>629</v>
      </c>
      <c r="C193" s="3" t="s">
        <v>630</v>
      </c>
      <c r="D193" s="5" t="s">
        <v>496</v>
      </c>
      <c r="E193" s="3" t="s">
        <v>490</v>
      </c>
      <c r="F193" s="3" t="s">
        <v>676</v>
      </c>
      <c r="G193" s="3" t="s">
        <v>134</v>
      </c>
      <c r="H193" s="3" t="s">
        <v>64</v>
      </c>
      <c r="I193" s="3" t="s">
        <v>498</v>
      </c>
      <c r="J193" s="3" t="s">
        <v>677</v>
      </c>
      <c r="K193" s="3" t="s">
        <v>32</v>
      </c>
      <c r="L193" s="3" t="s">
        <v>494</v>
      </c>
      <c r="M193" s="3" t="s">
        <v>34</v>
      </c>
      <c r="N193" s="3" t="s">
        <v>35</v>
      </c>
      <c r="O193" s="3" t="s">
        <v>86</v>
      </c>
      <c r="P193" s="3" t="s">
        <v>37</v>
      </c>
      <c r="Q193" s="3" t="s">
        <v>37</v>
      </c>
      <c r="R193" s="3" t="s">
        <v>38</v>
      </c>
      <c r="S193" s="3" t="s">
        <v>678</v>
      </c>
      <c r="T193" s="3" t="s">
        <v>37</v>
      </c>
      <c r="U193" s="3" t="s">
        <v>37</v>
      </c>
      <c r="V193" s="3" t="s">
        <v>37</v>
      </c>
    </row>
    <row r="194" spans="1:22" x14ac:dyDescent="0.25">
      <c r="A194" s="3" t="s">
        <v>22</v>
      </c>
      <c r="B194" s="4" t="s">
        <v>629</v>
      </c>
      <c r="C194" s="3" t="s">
        <v>630</v>
      </c>
      <c r="D194" s="5" t="s">
        <v>219</v>
      </c>
      <c r="E194" s="3" t="s">
        <v>501</v>
      </c>
      <c r="F194" s="3" t="s">
        <v>679</v>
      </c>
      <c r="G194" s="3" t="s">
        <v>680</v>
      </c>
      <c r="H194" s="3" t="s">
        <v>225</v>
      </c>
      <c r="I194" s="3" t="s">
        <v>37</v>
      </c>
      <c r="J194" s="3" t="s">
        <v>681</v>
      </c>
      <c r="K194" s="3" t="s">
        <v>32</v>
      </c>
      <c r="L194" s="3" t="s">
        <v>101</v>
      </c>
      <c r="M194" s="3" t="s">
        <v>66</v>
      </c>
      <c r="N194" s="3" t="s">
        <v>67</v>
      </c>
      <c r="O194" s="3" t="s">
        <v>86</v>
      </c>
      <c r="P194" s="3" t="s">
        <v>53</v>
      </c>
      <c r="Q194" s="3" t="s">
        <v>37</v>
      </c>
      <c r="R194" s="3" t="s">
        <v>38</v>
      </c>
      <c r="S194" s="3" t="s">
        <v>682</v>
      </c>
      <c r="T194" s="3" t="s">
        <v>37</v>
      </c>
      <c r="U194" s="3" t="s">
        <v>37</v>
      </c>
      <c r="V194" s="3" t="s">
        <v>37</v>
      </c>
    </row>
    <row r="195" spans="1:22" x14ac:dyDescent="0.25">
      <c r="A195" s="3" t="s">
        <v>22</v>
      </c>
      <c r="B195" s="4" t="s">
        <v>629</v>
      </c>
      <c r="C195" s="3" t="s">
        <v>630</v>
      </c>
      <c r="D195" s="5" t="s">
        <v>223</v>
      </c>
      <c r="E195" s="3" t="s">
        <v>501</v>
      </c>
      <c r="F195" s="3" t="s">
        <v>683</v>
      </c>
      <c r="G195" s="3" t="s">
        <v>684</v>
      </c>
      <c r="H195" s="3" t="s">
        <v>225</v>
      </c>
      <c r="I195" s="3" t="s">
        <v>37</v>
      </c>
      <c r="J195" s="3" t="s">
        <v>37</v>
      </c>
      <c r="K195" s="3" t="s">
        <v>32</v>
      </c>
      <c r="L195" s="3" t="s">
        <v>101</v>
      </c>
      <c r="M195" s="3" t="s">
        <v>66</v>
      </c>
      <c r="N195" s="3" t="s">
        <v>67</v>
      </c>
      <c r="O195" s="3" t="s">
        <v>86</v>
      </c>
      <c r="P195" s="3" t="s">
        <v>53</v>
      </c>
      <c r="Q195" s="3" t="s">
        <v>37</v>
      </c>
      <c r="R195" s="3" t="s">
        <v>38</v>
      </c>
      <c r="S195" s="3" t="s">
        <v>685</v>
      </c>
      <c r="T195" s="3" t="s">
        <v>37</v>
      </c>
      <c r="U195" s="3" t="s">
        <v>37</v>
      </c>
      <c r="V195" s="3" t="s">
        <v>37</v>
      </c>
    </row>
    <row r="196" spans="1:22" x14ac:dyDescent="0.25">
      <c r="A196" s="3" t="s">
        <v>22</v>
      </c>
      <c r="B196" s="4" t="s">
        <v>629</v>
      </c>
      <c r="C196" s="3" t="s">
        <v>630</v>
      </c>
      <c r="D196" s="5" t="s">
        <v>228</v>
      </c>
      <c r="E196" s="3" t="s">
        <v>186</v>
      </c>
      <c r="F196" s="3" t="s">
        <v>686</v>
      </c>
      <c r="G196" s="3" t="s">
        <v>78</v>
      </c>
      <c r="H196" s="3" t="s">
        <v>64</v>
      </c>
      <c r="I196" s="3" t="s">
        <v>37</v>
      </c>
      <c r="J196" s="3" t="s">
        <v>687</v>
      </c>
      <c r="K196" s="3" t="s">
        <v>32</v>
      </c>
      <c r="L196" s="3" t="s">
        <v>101</v>
      </c>
      <c r="M196" s="3" t="s">
        <v>66</v>
      </c>
      <c r="N196" s="3" t="s">
        <v>67</v>
      </c>
      <c r="O196" s="3" t="s">
        <v>36</v>
      </c>
      <c r="P196" s="3" t="s">
        <v>53</v>
      </c>
      <c r="Q196" s="3" t="s">
        <v>37</v>
      </c>
      <c r="R196" s="3" t="s">
        <v>38</v>
      </c>
      <c r="S196" s="3" t="s">
        <v>688</v>
      </c>
      <c r="T196" s="3" t="s">
        <v>37</v>
      </c>
      <c r="U196" s="3" t="s">
        <v>37</v>
      </c>
      <c r="V196" s="3" t="s">
        <v>37</v>
      </c>
    </row>
    <row r="197" spans="1:22" x14ac:dyDescent="0.25">
      <c r="A197" s="3" t="s">
        <v>22</v>
      </c>
      <c r="B197" s="4" t="s">
        <v>629</v>
      </c>
      <c r="C197" s="3" t="s">
        <v>630</v>
      </c>
      <c r="D197" s="5" t="s">
        <v>233</v>
      </c>
      <c r="E197" s="3" t="s">
        <v>186</v>
      </c>
      <c r="F197" s="3" t="s">
        <v>689</v>
      </c>
      <c r="G197" s="3" t="s">
        <v>225</v>
      </c>
      <c r="H197" s="3" t="s">
        <v>64</v>
      </c>
      <c r="I197" s="3" t="s">
        <v>37</v>
      </c>
      <c r="J197" s="3" t="s">
        <v>690</v>
      </c>
      <c r="K197" s="3" t="s">
        <v>32</v>
      </c>
      <c r="L197" s="3" t="s">
        <v>101</v>
      </c>
      <c r="M197" s="3" t="s">
        <v>66</v>
      </c>
      <c r="N197" s="3" t="s">
        <v>67</v>
      </c>
      <c r="O197" s="3" t="s">
        <v>36</v>
      </c>
      <c r="P197" s="3" t="s">
        <v>53</v>
      </c>
      <c r="Q197" s="3" t="s">
        <v>37</v>
      </c>
      <c r="R197" s="3" t="s">
        <v>38</v>
      </c>
      <c r="S197" s="3" t="s">
        <v>691</v>
      </c>
      <c r="T197" s="3" t="s">
        <v>37</v>
      </c>
      <c r="U197" s="3" t="s">
        <v>37</v>
      </c>
      <c r="V197" s="3" t="s">
        <v>37</v>
      </c>
    </row>
    <row r="198" spans="1:22" x14ac:dyDescent="0.25">
      <c r="A198" s="3" t="s">
        <v>22</v>
      </c>
      <c r="B198" s="4" t="s">
        <v>629</v>
      </c>
      <c r="C198" s="3" t="s">
        <v>630</v>
      </c>
      <c r="D198" s="5" t="s">
        <v>238</v>
      </c>
      <c r="E198" s="3" t="s">
        <v>510</v>
      </c>
      <c r="F198" s="3" t="s">
        <v>692</v>
      </c>
      <c r="G198" s="3" t="s">
        <v>693</v>
      </c>
      <c r="H198" s="3" t="s">
        <v>64</v>
      </c>
      <c r="I198" s="3" t="s">
        <v>694</v>
      </c>
      <c r="J198" s="3" t="s">
        <v>695</v>
      </c>
      <c r="K198" s="3" t="s">
        <v>32</v>
      </c>
      <c r="L198" s="3" t="s">
        <v>101</v>
      </c>
      <c r="M198" s="3" t="s">
        <v>515</v>
      </c>
      <c r="N198" s="3" t="s">
        <v>516</v>
      </c>
      <c r="O198" s="3" t="s">
        <v>696</v>
      </c>
      <c r="P198" s="3" t="s">
        <v>53</v>
      </c>
      <c r="Q198" s="3" t="s">
        <v>73</v>
      </c>
      <c r="R198" s="3" t="s">
        <v>38</v>
      </c>
      <c r="S198" s="3" t="s">
        <v>697</v>
      </c>
      <c r="T198" s="3" t="s">
        <v>37</v>
      </c>
      <c r="U198" s="3" t="s">
        <v>37</v>
      </c>
      <c r="V198" s="3" t="s">
        <v>37</v>
      </c>
    </row>
    <row r="199" spans="1:22" x14ac:dyDescent="0.25">
      <c r="A199" s="3"/>
      <c r="B199" s="4"/>
      <c r="C199" s="3"/>
      <c r="D199" s="5"/>
      <c r="E199" s="6" t="s">
        <v>248</v>
      </c>
      <c r="F199" s="3"/>
      <c r="G199" s="3"/>
      <c r="H199" s="3"/>
      <c r="I199" s="3"/>
      <c r="J199" s="3"/>
      <c r="K199" s="3"/>
      <c r="L199" s="3"/>
      <c r="M199" s="3"/>
      <c r="N199" s="3"/>
      <c r="O199" s="3"/>
      <c r="P199" s="3"/>
      <c r="Q199" s="3"/>
      <c r="R199" s="3"/>
      <c r="S199" s="3"/>
      <c r="T199" s="3"/>
      <c r="U199" s="3"/>
      <c r="V199" s="3"/>
    </row>
    <row r="200" spans="1:22" x14ac:dyDescent="0.25">
      <c r="A200" s="3"/>
      <c r="B200" s="4"/>
      <c r="C200" s="3"/>
      <c r="D200" s="5"/>
      <c r="E200" s="6"/>
      <c r="F200" s="3"/>
      <c r="G200" s="3"/>
      <c r="H200" s="3"/>
      <c r="I200" s="3"/>
      <c r="J200" s="3"/>
      <c r="K200" s="3"/>
      <c r="L200" s="3"/>
      <c r="M200" s="3"/>
      <c r="N200" s="3"/>
      <c r="O200" s="3"/>
      <c r="P200" s="3"/>
      <c r="Q200" s="3"/>
      <c r="R200" s="3"/>
      <c r="S200" s="3"/>
      <c r="T200" s="3"/>
      <c r="U200" s="3"/>
      <c r="V200" s="3"/>
    </row>
    <row r="201" spans="1:22" x14ac:dyDescent="0.25">
      <c r="A201" s="3" t="s">
        <v>22</v>
      </c>
      <c r="B201" s="4" t="s">
        <v>698</v>
      </c>
      <c r="C201" s="3" t="s">
        <v>699</v>
      </c>
      <c r="D201" s="5" t="s">
        <v>25</v>
      </c>
      <c r="E201" s="3" t="s">
        <v>399</v>
      </c>
      <c r="F201" s="3" t="s">
        <v>483</v>
      </c>
      <c r="G201" s="3" t="s">
        <v>149</v>
      </c>
      <c r="H201" s="3" t="s">
        <v>29</v>
      </c>
      <c r="I201" s="3" t="s">
        <v>37</v>
      </c>
      <c r="J201" s="3" t="s">
        <v>484</v>
      </c>
      <c r="K201" s="3" t="s">
        <v>32</v>
      </c>
      <c r="L201" s="3" t="s">
        <v>33</v>
      </c>
      <c r="M201" s="3" t="s">
        <v>66</v>
      </c>
      <c r="N201" s="3" t="s">
        <v>80</v>
      </c>
      <c r="O201" s="3" t="s">
        <v>52</v>
      </c>
      <c r="P201" s="3" t="s">
        <v>37</v>
      </c>
      <c r="Q201" s="3" t="s">
        <v>37</v>
      </c>
      <c r="R201" s="3" t="s">
        <v>38</v>
      </c>
      <c r="S201" s="3" t="s">
        <v>485</v>
      </c>
      <c r="T201" s="3" t="s">
        <v>37</v>
      </c>
      <c r="U201" s="3" t="s">
        <v>37</v>
      </c>
      <c r="V201" s="3" t="s">
        <v>37</v>
      </c>
    </row>
    <row r="202" spans="1:22" x14ac:dyDescent="0.25">
      <c r="A202" s="3" t="s">
        <v>22</v>
      </c>
      <c r="B202" s="4" t="s">
        <v>698</v>
      </c>
      <c r="C202" s="3" t="s">
        <v>699</v>
      </c>
      <c r="D202" s="5" t="s">
        <v>40</v>
      </c>
      <c r="E202" s="3" t="s">
        <v>399</v>
      </c>
      <c r="F202" s="3" t="s">
        <v>591</v>
      </c>
      <c r="G202" s="3" t="s">
        <v>156</v>
      </c>
      <c r="H202" s="3" t="s">
        <v>29</v>
      </c>
      <c r="I202" s="3" t="s">
        <v>37</v>
      </c>
      <c r="J202" s="3" t="s">
        <v>592</v>
      </c>
      <c r="K202" s="3" t="s">
        <v>32</v>
      </c>
      <c r="L202" s="3" t="s">
        <v>33</v>
      </c>
      <c r="M202" s="3" t="s">
        <v>66</v>
      </c>
      <c r="N202" s="3" t="s">
        <v>80</v>
      </c>
      <c r="O202" s="3" t="s">
        <v>52</v>
      </c>
      <c r="P202" s="3" t="s">
        <v>37</v>
      </c>
      <c r="Q202" s="3" t="s">
        <v>37</v>
      </c>
      <c r="R202" s="3" t="s">
        <v>38</v>
      </c>
      <c r="S202" s="3" t="s">
        <v>593</v>
      </c>
      <c r="T202" s="3" t="s">
        <v>37</v>
      </c>
      <c r="U202" s="3" t="s">
        <v>37</v>
      </c>
      <c r="V202" s="3" t="s">
        <v>37</v>
      </c>
    </row>
    <row r="203" spans="1:22" x14ac:dyDescent="0.25">
      <c r="A203" s="3" t="s">
        <v>22</v>
      </c>
      <c r="B203" s="4" t="s">
        <v>698</v>
      </c>
      <c r="C203" s="3" t="s">
        <v>699</v>
      </c>
      <c r="D203" s="5" t="s">
        <v>45</v>
      </c>
      <c r="E203" s="3" t="s">
        <v>46</v>
      </c>
      <c r="F203" s="3" t="s">
        <v>307</v>
      </c>
      <c r="G203" s="3" t="s">
        <v>192</v>
      </c>
      <c r="H203" s="3" t="s">
        <v>29</v>
      </c>
      <c r="I203" s="3" t="s">
        <v>49</v>
      </c>
      <c r="J203" s="3" t="s">
        <v>308</v>
      </c>
      <c r="K203" s="3" t="s">
        <v>32</v>
      </c>
      <c r="L203" s="3" t="s">
        <v>33</v>
      </c>
      <c r="M203" s="3" t="s">
        <v>34</v>
      </c>
      <c r="N203" s="3" t="s">
        <v>51</v>
      </c>
      <c r="O203" s="3" t="s">
        <v>52</v>
      </c>
      <c r="P203" s="3" t="s">
        <v>53</v>
      </c>
      <c r="Q203" s="3" t="s">
        <v>37</v>
      </c>
      <c r="R203" s="3" t="s">
        <v>38</v>
      </c>
      <c r="S203" s="3" t="s">
        <v>309</v>
      </c>
      <c r="T203" s="3" t="s">
        <v>37</v>
      </c>
      <c r="U203" s="3" t="s">
        <v>37</v>
      </c>
      <c r="V203" s="3" t="s">
        <v>37</v>
      </c>
    </row>
    <row r="204" spans="1:22" x14ac:dyDescent="0.25">
      <c r="A204" s="3" t="s">
        <v>22</v>
      </c>
      <c r="B204" s="4" t="s">
        <v>698</v>
      </c>
      <c r="C204" s="3" t="s">
        <v>699</v>
      </c>
      <c r="D204" s="5" t="s">
        <v>55</v>
      </c>
      <c r="E204" s="3" t="s">
        <v>46</v>
      </c>
      <c r="F204" s="3" t="s">
        <v>700</v>
      </c>
      <c r="G204" s="3" t="s">
        <v>526</v>
      </c>
      <c r="H204" s="3" t="s">
        <v>29</v>
      </c>
      <c r="I204" s="3" t="s">
        <v>49</v>
      </c>
      <c r="J204" s="3" t="s">
        <v>701</v>
      </c>
      <c r="K204" s="3" t="s">
        <v>32</v>
      </c>
      <c r="L204" s="3" t="s">
        <v>33</v>
      </c>
      <c r="M204" s="3" t="s">
        <v>34</v>
      </c>
      <c r="N204" s="3" t="s">
        <v>51</v>
      </c>
      <c r="O204" s="3" t="s">
        <v>52</v>
      </c>
      <c r="P204" s="3" t="s">
        <v>53</v>
      </c>
      <c r="Q204" s="3" t="s">
        <v>37</v>
      </c>
      <c r="R204" s="3" t="s">
        <v>38</v>
      </c>
      <c r="S204" s="3" t="s">
        <v>702</v>
      </c>
      <c r="T204" s="3" t="s">
        <v>37</v>
      </c>
      <c r="U204" s="3" t="s">
        <v>37</v>
      </c>
      <c r="V204" s="3" t="s">
        <v>37</v>
      </c>
    </row>
    <row r="205" spans="1:22" x14ac:dyDescent="0.25">
      <c r="A205" s="3" t="s">
        <v>22</v>
      </c>
      <c r="B205" s="4" t="s">
        <v>698</v>
      </c>
      <c r="C205" s="3" t="s">
        <v>699</v>
      </c>
      <c r="D205" s="5" t="s">
        <v>60</v>
      </c>
      <c r="E205" s="3" t="s">
        <v>75</v>
      </c>
      <c r="F205" s="3" t="s">
        <v>703</v>
      </c>
      <c r="G205" s="3" t="s">
        <v>704</v>
      </c>
      <c r="H205" s="3" t="s">
        <v>64</v>
      </c>
      <c r="I205" s="3" t="s">
        <v>282</v>
      </c>
      <c r="J205" s="3" t="s">
        <v>705</v>
      </c>
      <c r="K205" s="3" t="s">
        <v>32</v>
      </c>
      <c r="L205" s="3" t="s">
        <v>33</v>
      </c>
      <c r="M205" s="3" t="s">
        <v>66</v>
      </c>
      <c r="N205" s="3" t="s">
        <v>51</v>
      </c>
      <c r="O205" s="3" t="s">
        <v>52</v>
      </c>
      <c r="P205" s="3" t="s">
        <v>37</v>
      </c>
      <c r="Q205" s="3" t="s">
        <v>37</v>
      </c>
      <c r="R205" s="3" t="s">
        <v>38</v>
      </c>
      <c r="S205" s="3" t="s">
        <v>706</v>
      </c>
      <c r="T205" s="3" t="s">
        <v>37</v>
      </c>
      <c r="U205" s="3" t="s">
        <v>37</v>
      </c>
      <c r="V205" s="3" t="s">
        <v>37</v>
      </c>
    </row>
    <row r="206" spans="1:22" x14ac:dyDescent="0.25">
      <c r="A206" s="3" t="s">
        <v>22</v>
      </c>
      <c r="B206" s="4" t="s">
        <v>698</v>
      </c>
      <c r="C206" s="3" t="s">
        <v>699</v>
      </c>
      <c r="D206" s="5" t="s">
        <v>70</v>
      </c>
      <c r="E206" s="3" t="s">
        <v>75</v>
      </c>
      <c r="F206" s="3" t="s">
        <v>707</v>
      </c>
      <c r="G206" s="3" t="s">
        <v>235</v>
      </c>
      <c r="H206" s="3" t="s">
        <v>64</v>
      </c>
      <c r="I206" s="3" t="s">
        <v>282</v>
      </c>
      <c r="J206" s="3" t="s">
        <v>708</v>
      </c>
      <c r="K206" s="3" t="s">
        <v>32</v>
      </c>
      <c r="L206" s="3" t="s">
        <v>33</v>
      </c>
      <c r="M206" s="3" t="s">
        <v>66</v>
      </c>
      <c r="N206" s="3" t="s">
        <v>51</v>
      </c>
      <c r="O206" s="3" t="s">
        <v>52</v>
      </c>
      <c r="P206" s="3" t="s">
        <v>37</v>
      </c>
      <c r="Q206" s="3" t="s">
        <v>37</v>
      </c>
      <c r="R206" s="3" t="s">
        <v>38</v>
      </c>
      <c r="S206" s="3" t="s">
        <v>709</v>
      </c>
      <c r="T206" s="3" t="s">
        <v>37</v>
      </c>
      <c r="U206" s="3" t="s">
        <v>37</v>
      </c>
      <c r="V206" s="3" t="s">
        <v>37</v>
      </c>
    </row>
    <row r="207" spans="1:22" x14ac:dyDescent="0.25">
      <c r="A207" s="3" t="s">
        <v>22</v>
      </c>
      <c r="B207" s="4" t="s">
        <v>698</v>
      </c>
      <c r="C207" s="3" t="s">
        <v>699</v>
      </c>
      <c r="D207" s="5" t="s">
        <v>412</v>
      </c>
      <c r="E207" s="3" t="s">
        <v>75</v>
      </c>
      <c r="F207" s="3" t="s">
        <v>710</v>
      </c>
      <c r="G207" s="3" t="s">
        <v>711</v>
      </c>
      <c r="H207" s="3" t="s">
        <v>29</v>
      </c>
      <c r="I207" s="3" t="s">
        <v>167</v>
      </c>
      <c r="J207" s="3" t="s">
        <v>712</v>
      </c>
      <c r="K207" s="3" t="s">
        <v>32</v>
      </c>
      <c r="L207" s="3" t="s">
        <v>33</v>
      </c>
      <c r="M207" s="3" t="s">
        <v>66</v>
      </c>
      <c r="N207" s="3" t="s">
        <v>137</v>
      </c>
      <c r="O207" s="3" t="s">
        <v>52</v>
      </c>
      <c r="P207" s="3" t="s">
        <v>53</v>
      </c>
      <c r="Q207" s="3" t="s">
        <v>37</v>
      </c>
      <c r="R207" s="3" t="s">
        <v>38</v>
      </c>
      <c r="S207" s="3" t="s">
        <v>713</v>
      </c>
      <c r="T207" s="3" t="s">
        <v>37</v>
      </c>
      <c r="U207" s="3" t="s">
        <v>37</v>
      </c>
      <c r="V207" s="3" t="s">
        <v>37</v>
      </c>
    </row>
    <row r="208" spans="1:22" x14ac:dyDescent="0.25">
      <c r="A208" s="3" t="s">
        <v>22</v>
      </c>
      <c r="B208" s="4" t="s">
        <v>698</v>
      </c>
      <c r="C208" s="3" t="s">
        <v>699</v>
      </c>
      <c r="D208" s="5" t="s">
        <v>88</v>
      </c>
      <c r="E208" s="3" t="s">
        <v>416</v>
      </c>
      <c r="F208" s="3" t="s">
        <v>714</v>
      </c>
      <c r="G208" s="3" t="s">
        <v>344</v>
      </c>
      <c r="H208" s="3" t="s">
        <v>64</v>
      </c>
      <c r="I208" s="3" t="s">
        <v>715</v>
      </c>
      <c r="J208" s="3" t="s">
        <v>716</v>
      </c>
      <c r="K208" s="3" t="s">
        <v>32</v>
      </c>
      <c r="L208" s="3" t="s">
        <v>33</v>
      </c>
      <c r="M208" s="3" t="s">
        <v>34</v>
      </c>
      <c r="N208" s="3" t="s">
        <v>137</v>
      </c>
      <c r="O208" s="3" t="s">
        <v>36</v>
      </c>
      <c r="P208" s="3" t="s">
        <v>37</v>
      </c>
      <c r="Q208" s="3" t="s">
        <v>37</v>
      </c>
      <c r="R208" s="3" t="s">
        <v>38</v>
      </c>
      <c r="S208" s="3" t="s">
        <v>717</v>
      </c>
      <c r="T208" s="3" t="s">
        <v>37</v>
      </c>
      <c r="U208" s="3" t="s">
        <v>37</v>
      </c>
      <c r="V208" s="3" t="s">
        <v>37</v>
      </c>
    </row>
    <row r="209" spans="1:22" x14ac:dyDescent="0.25">
      <c r="A209" s="3" t="s">
        <v>22</v>
      </c>
      <c r="B209" s="4" t="s">
        <v>698</v>
      </c>
      <c r="C209" s="3" t="s">
        <v>699</v>
      </c>
      <c r="D209" s="5" t="s">
        <v>93</v>
      </c>
      <c r="E209" s="3" t="s">
        <v>416</v>
      </c>
      <c r="F209" s="3" t="s">
        <v>718</v>
      </c>
      <c r="G209" s="3" t="s">
        <v>568</v>
      </c>
      <c r="H209" s="3" t="s">
        <v>64</v>
      </c>
      <c r="I209" s="3" t="s">
        <v>418</v>
      </c>
      <c r="J209" s="3" t="s">
        <v>719</v>
      </c>
      <c r="K209" s="3" t="s">
        <v>32</v>
      </c>
      <c r="L209" s="3" t="s">
        <v>33</v>
      </c>
      <c r="M209" s="3" t="s">
        <v>34</v>
      </c>
      <c r="N209" s="3" t="s">
        <v>137</v>
      </c>
      <c r="O209" s="3" t="s">
        <v>36</v>
      </c>
      <c r="P209" s="3" t="s">
        <v>37</v>
      </c>
      <c r="Q209" s="3" t="s">
        <v>37</v>
      </c>
      <c r="R209" s="3" t="s">
        <v>38</v>
      </c>
      <c r="S209" s="3" t="s">
        <v>720</v>
      </c>
      <c r="T209" s="3" t="s">
        <v>37</v>
      </c>
      <c r="U209" s="3" t="s">
        <v>37</v>
      </c>
      <c r="V209" s="3" t="s">
        <v>37</v>
      </c>
    </row>
    <row r="210" spans="1:22" x14ac:dyDescent="0.25">
      <c r="A210" s="3" t="s">
        <v>22</v>
      </c>
      <c r="B210" s="4" t="s">
        <v>698</v>
      </c>
      <c r="C210" s="3" t="s">
        <v>699</v>
      </c>
      <c r="D210" s="5" t="s">
        <v>98</v>
      </c>
      <c r="E210" s="3" t="s">
        <v>422</v>
      </c>
      <c r="F210" s="3" t="s">
        <v>721</v>
      </c>
      <c r="G210" s="3" t="s">
        <v>182</v>
      </c>
      <c r="H210" s="3" t="s">
        <v>64</v>
      </c>
      <c r="I210" s="3" t="s">
        <v>424</v>
      </c>
      <c r="J210" s="3" t="s">
        <v>722</v>
      </c>
      <c r="K210" s="3" t="s">
        <v>32</v>
      </c>
      <c r="L210" s="3" t="s">
        <v>33</v>
      </c>
      <c r="M210" s="3" t="s">
        <v>66</v>
      </c>
      <c r="N210" s="3" t="s">
        <v>137</v>
      </c>
      <c r="O210" s="3" t="s">
        <v>119</v>
      </c>
      <c r="P210" s="3" t="s">
        <v>37</v>
      </c>
      <c r="Q210" s="3" t="s">
        <v>37</v>
      </c>
      <c r="R210" s="3" t="s">
        <v>38</v>
      </c>
      <c r="S210" s="3" t="s">
        <v>723</v>
      </c>
      <c r="T210" s="3" t="s">
        <v>37</v>
      </c>
      <c r="U210" s="3" t="s">
        <v>37</v>
      </c>
      <c r="V210" s="3" t="s">
        <v>37</v>
      </c>
    </row>
    <row r="211" spans="1:22" x14ac:dyDescent="0.25">
      <c r="A211" s="3" t="s">
        <v>22</v>
      </c>
      <c r="B211" s="4" t="s">
        <v>698</v>
      </c>
      <c r="C211" s="3" t="s">
        <v>699</v>
      </c>
      <c r="D211" s="5" t="s">
        <v>427</v>
      </c>
      <c r="E211" s="3" t="s">
        <v>422</v>
      </c>
      <c r="F211" s="3" t="s">
        <v>724</v>
      </c>
      <c r="G211" s="3" t="s">
        <v>340</v>
      </c>
      <c r="H211" s="3" t="s">
        <v>64</v>
      </c>
      <c r="I211" s="3" t="s">
        <v>424</v>
      </c>
      <c r="J211" s="3" t="s">
        <v>725</v>
      </c>
      <c r="K211" s="3" t="s">
        <v>32</v>
      </c>
      <c r="L211" s="3" t="s">
        <v>33</v>
      </c>
      <c r="M211" s="3" t="s">
        <v>66</v>
      </c>
      <c r="N211" s="3" t="s">
        <v>137</v>
      </c>
      <c r="O211" s="3" t="s">
        <v>119</v>
      </c>
      <c r="P211" s="3" t="s">
        <v>37</v>
      </c>
      <c r="Q211" s="3" t="s">
        <v>37</v>
      </c>
      <c r="R211" s="3" t="s">
        <v>38</v>
      </c>
      <c r="S211" s="3" t="s">
        <v>726</v>
      </c>
      <c r="T211" s="3" t="s">
        <v>37</v>
      </c>
      <c r="U211" s="3" t="s">
        <v>37</v>
      </c>
      <c r="V211" s="3" t="s">
        <v>37</v>
      </c>
    </row>
    <row r="212" spans="1:22" x14ac:dyDescent="0.25">
      <c r="A212" s="3" t="s">
        <v>22</v>
      </c>
      <c r="B212" s="4" t="s">
        <v>698</v>
      </c>
      <c r="C212" s="3" t="s">
        <v>699</v>
      </c>
      <c r="D212" s="5" t="s">
        <v>302</v>
      </c>
      <c r="E212" s="3" t="s">
        <v>422</v>
      </c>
      <c r="F212" s="3" t="s">
        <v>727</v>
      </c>
      <c r="G212" s="3" t="s">
        <v>344</v>
      </c>
      <c r="H212" s="3" t="s">
        <v>64</v>
      </c>
      <c r="I212" s="3" t="s">
        <v>424</v>
      </c>
      <c r="J212" s="3" t="s">
        <v>728</v>
      </c>
      <c r="K212" s="3" t="s">
        <v>32</v>
      </c>
      <c r="L212" s="3" t="s">
        <v>33</v>
      </c>
      <c r="M212" s="3" t="s">
        <v>66</v>
      </c>
      <c r="N212" s="3" t="s">
        <v>137</v>
      </c>
      <c r="O212" s="3" t="s">
        <v>119</v>
      </c>
      <c r="P212" s="3" t="s">
        <v>37</v>
      </c>
      <c r="Q212" s="3" t="s">
        <v>37</v>
      </c>
      <c r="R212" s="3" t="s">
        <v>38</v>
      </c>
      <c r="S212" s="3" t="s">
        <v>729</v>
      </c>
      <c r="T212" s="3" t="s">
        <v>37</v>
      </c>
      <c r="U212" s="3" t="s">
        <v>37</v>
      </c>
      <c r="V212" s="3" t="s">
        <v>37</v>
      </c>
    </row>
    <row r="213" spans="1:22" x14ac:dyDescent="0.25">
      <c r="A213" s="3" t="s">
        <v>22</v>
      </c>
      <c r="B213" s="4" t="s">
        <v>698</v>
      </c>
      <c r="C213" s="3" t="s">
        <v>699</v>
      </c>
      <c r="D213" s="5" t="s">
        <v>434</v>
      </c>
      <c r="E213" s="3" t="s">
        <v>46</v>
      </c>
      <c r="F213" s="3" t="s">
        <v>477</v>
      </c>
      <c r="G213" s="3" t="s">
        <v>439</v>
      </c>
      <c r="H213" s="3" t="s">
        <v>64</v>
      </c>
      <c r="I213" s="3" t="s">
        <v>49</v>
      </c>
      <c r="J213" s="3" t="s">
        <v>478</v>
      </c>
      <c r="K213" s="3" t="s">
        <v>32</v>
      </c>
      <c r="L213" s="3" t="s">
        <v>33</v>
      </c>
      <c r="M213" s="3" t="s">
        <v>34</v>
      </c>
      <c r="N213" s="3" t="s">
        <v>35</v>
      </c>
      <c r="O213" s="3" t="s">
        <v>52</v>
      </c>
      <c r="P213" s="3" t="s">
        <v>53</v>
      </c>
      <c r="Q213" s="3" t="s">
        <v>73</v>
      </c>
      <c r="R213" s="3" t="s">
        <v>38</v>
      </c>
      <c r="S213" s="3" t="s">
        <v>479</v>
      </c>
      <c r="T213" s="3" t="s">
        <v>37</v>
      </c>
      <c r="U213" s="3" t="s">
        <v>37</v>
      </c>
      <c r="V213" s="3" t="s">
        <v>37</v>
      </c>
    </row>
    <row r="214" spans="1:22" x14ac:dyDescent="0.25">
      <c r="A214" s="3" t="s">
        <v>22</v>
      </c>
      <c r="B214" s="4" t="s">
        <v>698</v>
      </c>
      <c r="C214" s="3" t="s">
        <v>699</v>
      </c>
      <c r="D214" s="5" t="s">
        <v>435</v>
      </c>
      <c r="E214" s="3" t="s">
        <v>46</v>
      </c>
      <c r="F214" s="3" t="s">
        <v>585</v>
      </c>
      <c r="G214" s="3" t="s">
        <v>106</v>
      </c>
      <c r="H214" s="3" t="s">
        <v>64</v>
      </c>
      <c r="I214" s="3" t="s">
        <v>49</v>
      </c>
      <c r="J214" s="3" t="s">
        <v>586</v>
      </c>
      <c r="K214" s="3" t="s">
        <v>32</v>
      </c>
      <c r="L214" s="3" t="s">
        <v>33</v>
      </c>
      <c r="M214" s="3" t="s">
        <v>34</v>
      </c>
      <c r="N214" s="3" t="s">
        <v>35</v>
      </c>
      <c r="O214" s="3" t="s">
        <v>52</v>
      </c>
      <c r="P214" s="3" t="s">
        <v>53</v>
      </c>
      <c r="Q214" s="3" t="s">
        <v>73</v>
      </c>
      <c r="R214" s="3" t="s">
        <v>38</v>
      </c>
      <c r="S214" s="3" t="s">
        <v>587</v>
      </c>
      <c r="T214" s="3" t="s">
        <v>37</v>
      </c>
      <c r="U214" s="3" t="s">
        <v>37</v>
      </c>
      <c r="V214" s="3" t="s">
        <v>37</v>
      </c>
    </row>
    <row r="215" spans="1:22" x14ac:dyDescent="0.25">
      <c r="A215" s="3" t="s">
        <v>22</v>
      </c>
      <c r="B215" s="4" t="s">
        <v>698</v>
      </c>
      <c r="C215" s="3" t="s">
        <v>699</v>
      </c>
      <c r="D215" s="5" t="s">
        <v>436</v>
      </c>
      <c r="E215" s="3" t="s">
        <v>437</v>
      </c>
      <c r="F215" s="3" t="s">
        <v>730</v>
      </c>
      <c r="G215" s="3" t="s">
        <v>134</v>
      </c>
      <c r="H215" s="3" t="s">
        <v>64</v>
      </c>
      <c r="I215" s="3" t="s">
        <v>440</v>
      </c>
      <c r="J215" s="3" t="s">
        <v>731</v>
      </c>
      <c r="K215" s="3" t="s">
        <v>32</v>
      </c>
      <c r="L215" s="3" t="s">
        <v>33</v>
      </c>
      <c r="M215" s="3" t="s">
        <v>34</v>
      </c>
      <c r="N215" s="3" t="s">
        <v>72</v>
      </c>
      <c r="O215" s="3" t="s">
        <v>119</v>
      </c>
      <c r="P215" s="3" t="s">
        <v>37</v>
      </c>
      <c r="Q215" s="3" t="s">
        <v>73</v>
      </c>
      <c r="R215" s="3" t="s">
        <v>38</v>
      </c>
      <c r="S215" s="3" t="s">
        <v>732</v>
      </c>
      <c r="T215" s="3" t="s">
        <v>37</v>
      </c>
      <c r="U215" s="3" t="s">
        <v>37</v>
      </c>
      <c r="V215" s="3" t="s">
        <v>37</v>
      </c>
    </row>
    <row r="216" spans="1:22" x14ac:dyDescent="0.25">
      <c r="A216" s="3" t="s">
        <v>22</v>
      </c>
      <c r="B216" s="4" t="s">
        <v>698</v>
      </c>
      <c r="C216" s="3" t="s">
        <v>699</v>
      </c>
      <c r="D216" s="5" t="s">
        <v>109</v>
      </c>
      <c r="E216" s="3" t="s">
        <v>437</v>
      </c>
      <c r="F216" s="3" t="s">
        <v>733</v>
      </c>
      <c r="G216" s="3" t="s">
        <v>734</v>
      </c>
      <c r="H216" s="3" t="s">
        <v>64</v>
      </c>
      <c r="I216" s="3" t="s">
        <v>440</v>
      </c>
      <c r="J216" s="3" t="s">
        <v>735</v>
      </c>
      <c r="K216" s="3" t="s">
        <v>32</v>
      </c>
      <c r="L216" s="3" t="s">
        <v>33</v>
      </c>
      <c r="M216" s="3" t="s">
        <v>34</v>
      </c>
      <c r="N216" s="3" t="s">
        <v>72</v>
      </c>
      <c r="O216" s="3" t="s">
        <v>119</v>
      </c>
      <c r="P216" s="3" t="s">
        <v>37</v>
      </c>
      <c r="Q216" s="3" t="s">
        <v>73</v>
      </c>
      <c r="R216" s="3" t="s">
        <v>38</v>
      </c>
      <c r="S216" s="3" t="s">
        <v>736</v>
      </c>
      <c r="T216" s="3" t="s">
        <v>37</v>
      </c>
      <c r="U216" s="3" t="s">
        <v>37</v>
      </c>
      <c r="V216" s="3" t="s">
        <v>37</v>
      </c>
    </row>
    <row r="217" spans="1:22" x14ac:dyDescent="0.25">
      <c r="A217" s="3" t="s">
        <v>22</v>
      </c>
      <c r="B217" s="4" t="s">
        <v>698</v>
      </c>
      <c r="C217" s="3" t="s">
        <v>699</v>
      </c>
      <c r="D217" s="5" t="s">
        <v>447</v>
      </c>
      <c r="E217" s="3" t="s">
        <v>437</v>
      </c>
      <c r="F217" s="3" t="s">
        <v>737</v>
      </c>
      <c r="G217" s="3" t="s">
        <v>142</v>
      </c>
      <c r="H217" s="3" t="s">
        <v>64</v>
      </c>
      <c r="I217" s="3" t="s">
        <v>440</v>
      </c>
      <c r="J217" s="3" t="s">
        <v>738</v>
      </c>
      <c r="K217" s="3" t="s">
        <v>32</v>
      </c>
      <c r="L217" s="3" t="s">
        <v>33</v>
      </c>
      <c r="M217" s="3" t="s">
        <v>34</v>
      </c>
      <c r="N217" s="3" t="s">
        <v>72</v>
      </c>
      <c r="O217" s="3" t="s">
        <v>119</v>
      </c>
      <c r="P217" s="3" t="s">
        <v>37</v>
      </c>
      <c r="Q217" s="3" t="s">
        <v>73</v>
      </c>
      <c r="R217" s="3" t="s">
        <v>38</v>
      </c>
      <c r="S217" s="3" t="s">
        <v>739</v>
      </c>
      <c r="T217" s="3" t="s">
        <v>37</v>
      </c>
      <c r="U217" s="3" t="s">
        <v>37</v>
      </c>
      <c r="V217" s="3" t="s">
        <v>37</v>
      </c>
    </row>
    <row r="218" spans="1:22" x14ac:dyDescent="0.25">
      <c r="A218" s="3" t="s">
        <v>22</v>
      </c>
      <c r="B218" s="4" t="s">
        <v>698</v>
      </c>
      <c r="C218" s="3" t="s">
        <v>699</v>
      </c>
      <c r="D218" s="5" t="s">
        <v>451</v>
      </c>
      <c r="E218" s="3" t="s">
        <v>437</v>
      </c>
      <c r="F218" s="3" t="s">
        <v>740</v>
      </c>
      <c r="G218" s="3" t="s">
        <v>741</v>
      </c>
      <c r="H218" s="3" t="s">
        <v>64</v>
      </c>
      <c r="I218" s="3" t="s">
        <v>440</v>
      </c>
      <c r="J218" s="3" t="s">
        <v>742</v>
      </c>
      <c r="K218" s="3" t="s">
        <v>32</v>
      </c>
      <c r="L218" s="3" t="s">
        <v>33</v>
      </c>
      <c r="M218" s="3" t="s">
        <v>34</v>
      </c>
      <c r="N218" s="3" t="s">
        <v>72</v>
      </c>
      <c r="O218" s="3" t="s">
        <v>119</v>
      </c>
      <c r="P218" s="3" t="s">
        <v>37</v>
      </c>
      <c r="Q218" s="3" t="s">
        <v>73</v>
      </c>
      <c r="R218" s="3" t="s">
        <v>38</v>
      </c>
      <c r="S218" s="3" t="s">
        <v>743</v>
      </c>
      <c r="T218" s="3" t="s">
        <v>37</v>
      </c>
      <c r="U218" s="3" t="s">
        <v>37</v>
      </c>
      <c r="V218" s="3" t="s">
        <v>37</v>
      </c>
    </row>
    <row r="219" spans="1:22" x14ac:dyDescent="0.25">
      <c r="A219" s="3" t="s">
        <v>22</v>
      </c>
      <c r="B219" s="4" t="s">
        <v>698</v>
      </c>
      <c r="C219" s="3" t="s">
        <v>699</v>
      </c>
      <c r="D219" s="5" t="s">
        <v>455</v>
      </c>
      <c r="E219" s="3" t="s">
        <v>46</v>
      </c>
      <c r="F219" s="3" t="s">
        <v>632</v>
      </c>
      <c r="G219" s="3" t="s">
        <v>197</v>
      </c>
      <c r="H219" s="3" t="s">
        <v>29</v>
      </c>
      <c r="I219" s="3" t="s">
        <v>49</v>
      </c>
      <c r="J219" s="3" t="s">
        <v>633</v>
      </c>
      <c r="K219" s="3" t="s">
        <v>32</v>
      </c>
      <c r="L219" s="3" t="s">
        <v>33</v>
      </c>
      <c r="M219" s="3" t="s">
        <v>34</v>
      </c>
      <c r="N219" s="3" t="s">
        <v>51</v>
      </c>
      <c r="O219" s="3" t="s">
        <v>52</v>
      </c>
      <c r="P219" s="3" t="s">
        <v>53</v>
      </c>
      <c r="Q219" s="3" t="s">
        <v>37</v>
      </c>
      <c r="R219" s="3" t="s">
        <v>38</v>
      </c>
      <c r="S219" s="3" t="s">
        <v>634</v>
      </c>
      <c r="T219" s="3" t="s">
        <v>37</v>
      </c>
      <c r="U219" s="3" t="s">
        <v>37</v>
      </c>
      <c r="V219" s="3" t="s">
        <v>37</v>
      </c>
    </row>
    <row r="220" spans="1:22" x14ac:dyDescent="0.25">
      <c r="A220" s="3" t="s">
        <v>22</v>
      </c>
      <c r="B220" s="4" t="s">
        <v>698</v>
      </c>
      <c r="C220" s="3" t="s">
        <v>699</v>
      </c>
      <c r="D220" s="5" t="s">
        <v>319</v>
      </c>
      <c r="E220" s="3" t="s">
        <v>46</v>
      </c>
      <c r="F220" s="3" t="s">
        <v>744</v>
      </c>
      <c r="G220" s="3" t="s">
        <v>64</v>
      </c>
      <c r="H220" s="3" t="s">
        <v>64</v>
      </c>
      <c r="I220" s="3" t="s">
        <v>49</v>
      </c>
      <c r="J220" s="3" t="s">
        <v>745</v>
      </c>
      <c r="K220" s="3" t="s">
        <v>32</v>
      </c>
      <c r="L220" s="3" t="s">
        <v>33</v>
      </c>
      <c r="M220" s="3" t="s">
        <v>34</v>
      </c>
      <c r="N220" s="3" t="s">
        <v>35</v>
      </c>
      <c r="O220" s="3" t="s">
        <v>52</v>
      </c>
      <c r="P220" s="3" t="s">
        <v>53</v>
      </c>
      <c r="Q220" s="3" t="s">
        <v>73</v>
      </c>
      <c r="R220" s="3" t="s">
        <v>38</v>
      </c>
      <c r="S220" s="3" t="s">
        <v>746</v>
      </c>
      <c r="T220" s="3" t="s">
        <v>37</v>
      </c>
      <c r="U220" s="3" t="s">
        <v>37</v>
      </c>
      <c r="V220" s="3" t="s">
        <v>37</v>
      </c>
    </row>
    <row r="221" spans="1:22" x14ac:dyDescent="0.25">
      <c r="A221" s="3" t="s">
        <v>22</v>
      </c>
      <c r="B221" s="4" t="s">
        <v>698</v>
      </c>
      <c r="C221" s="3" t="s">
        <v>699</v>
      </c>
      <c r="D221" s="5" t="s">
        <v>131</v>
      </c>
      <c r="E221" s="3" t="s">
        <v>147</v>
      </c>
      <c r="F221" s="3" t="s">
        <v>747</v>
      </c>
      <c r="G221" s="3" t="s">
        <v>42</v>
      </c>
      <c r="H221" s="3" t="s">
        <v>29</v>
      </c>
      <c r="I221" s="3" t="s">
        <v>37</v>
      </c>
      <c r="J221" s="3" t="s">
        <v>748</v>
      </c>
      <c r="K221" s="3" t="s">
        <v>32</v>
      </c>
      <c r="L221" s="3" t="s">
        <v>33</v>
      </c>
      <c r="M221" s="3" t="s">
        <v>34</v>
      </c>
      <c r="N221" s="3" t="s">
        <v>80</v>
      </c>
      <c r="O221" s="3" t="s">
        <v>52</v>
      </c>
      <c r="P221" s="3" t="s">
        <v>37</v>
      </c>
      <c r="Q221" s="3" t="s">
        <v>37</v>
      </c>
      <c r="R221" s="3" t="s">
        <v>38</v>
      </c>
      <c r="S221" s="3" t="s">
        <v>749</v>
      </c>
      <c r="T221" s="3" t="s">
        <v>37</v>
      </c>
      <c r="U221" s="3" t="s">
        <v>37</v>
      </c>
      <c r="V221" s="3" t="s">
        <v>37</v>
      </c>
    </row>
    <row r="222" spans="1:22" x14ac:dyDescent="0.25">
      <c r="A222" s="3" t="s">
        <v>22</v>
      </c>
      <c r="B222" s="4" t="s">
        <v>698</v>
      </c>
      <c r="C222" s="3" t="s">
        <v>699</v>
      </c>
      <c r="D222" s="5" t="s">
        <v>459</v>
      </c>
      <c r="E222" s="3" t="s">
        <v>147</v>
      </c>
      <c r="F222" s="3" t="s">
        <v>750</v>
      </c>
      <c r="G222" s="3" t="s">
        <v>537</v>
      </c>
      <c r="H222" s="3" t="s">
        <v>64</v>
      </c>
      <c r="I222" s="3" t="s">
        <v>150</v>
      </c>
      <c r="J222" s="3" t="s">
        <v>751</v>
      </c>
      <c r="K222" s="3" t="s">
        <v>32</v>
      </c>
      <c r="L222" s="3" t="s">
        <v>33</v>
      </c>
      <c r="M222" s="3" t="s">
        <v>34</v>
      </c>
      <c r="N222" s="3" t="s">
        <v>137</v>
      </c>
      <c r="O222" s="3" t="s">
        <v>152</v>
      </c>
      <c r="P222" s="3" t="s">
        <v>37</v>
      </c>
      <c r="Q222" s="3" t="s">
        <v>37</v>
      </c>
      <c r="R222" s="3" t="s">
        <v>38</v>
      </c>
      <c r="S222" s="3" t="s">
        <v>752</v>
      </c>
      <c r="T222" s="3" t="s">
        <v>37</v>
      </c>
      <c r="U222" s="3" t="s">
        <v>37</v>
      </c>
      <c r="V222" s="3" t="s">
        <v>37</v>
      </c>
    </row>
    <row r="223" spans="1:22" x14ac:dyDescent="0.25">
      <c r="A223" s="3" t="s">
        <v>22</v>
      </c>
      <c r="B223" s="4" t="s">
        <v>698</v>
      </c>
      <c r="C223" s="3" t="s">
        <v>699</v>
      </c>
      <c r="D223" s="5" t="s">
        <v>145</v>
      </c>
      <c r="E223" s="3" t="s">
        <v>463</v>
      </c>
      <c r="F223" s="3" t="s">
        <v>753</v>
      </c>
      <c r="G223" s="3" t="s">
        <v>754</v>
      </c>
      <c r="H223" s="3" t="s">
        <v>78</v>
      </c>
      <c r="I223" s="3" t="s">
        <v>755</v>
      </c>
      <c r="J223" s="3" t="s">
        <v>756</v>
      </c>
      <c r="K223" s="3" t="s">
        <v>32</v>
      </c>
      <c r="L223" s="3" t="s">
        <v>33</v>
      </c>
      <c r="M223" s="3" t="s">
        <v>66</v>
      </c>
      <c r="N223" s="3" t="s">
        <v>468</v>
      </c>
      <c r="O223" s="3" t="s">
        <v>52</v>
      </c>
      <c r="P223" s="3" t="s">
        <v>37</v>
      </c>
      <c r="Q223" s="3" t="s">
        <v>37</v>
      </c>
      <c r="R223" s="3" t="s">
        <v>38</v>
      </c>
      <c r="S223" s="3" t="s">
        <v>757</v>
      </c>
      <c r="T223" s="3" t="s">
        <v>37</v>
      </c>
      <c r="U223" s="3" t="s">
        <v>37</v>
      </c>
      <c r="V223" s="3" t="s">
        <v>37</v>
      </c>
    </row>
    <row r="224" spans="1:22" x14ac:dyDescent="0.25">
      <c r="A224" s="3" t="s">
        <v>22</v>
      </c>
      <c r="B224" s="4" t="s">
        <v>698</v>
      </c>
      <c r="C224" s="3" t="s">
        <v>699</v>
      </c>
      <c r="D224" s="5" t="s">
        <v>154</v>
      </c>
      <c r="E224" s="3" t="s">
        <v>463</v>
      </c>
      <c r="F224" s="3" t="s">
        <v>758</v>
      </c>
      <c r="G224" s="3" t="s">
        <v>759</v>
      </c>
      <c r="H224" s="3" t="s">
        <v>78</v>
      </c>
      <c r="I224" s="3" t="s">
        <v>760</v>
      </c>
      <c r="J224" s="3" t="s">
        <v>761</v>
      </c>
      <c r="K224" s="3" t="s">
        <v>32</v>
      </c>
      <c r="L224" s="3" t="s">
        <v>33</v>
      </c>
      <c r="M224" s="3" t="s">
        <v>66</v>
      </c>
      <c r="N224" s="3" t="s">
        <v>468</v>
      </c>
      <c r="O224" s="3" t="s">
        <v>52</v>
      </c>
      <c r="P224" s="3" t="s">
        <v>37</v>
      </c>
      <c r="Q224" s="3" t="s">
        <v>37</v>
      </c>
      <c r="R224" s="3" t="s">
        <v>38</v>
      </c>
      <c r="S224" s="3" t="s">
        <v>762</v>
      </c>
      <c r="T224" s="3" t="s">
        <v>37</v>
      </c>
      <c r="U224" s="3" t="s">
        <v>37</v>
      </c>
      <c r="V224" s="3" t="s">
        <v>37</v>
      </c>
    </row>
    <row r="225" spans="1:22" x14ac:dyDescent="0.25">
      <c r="A225" s="3" t="s">
        <v>22</v>
      </c>
      <c r="B225" s="4" t="s">
        <v>698</v>
      </c>
      <c r="C225" s="3" t="s">
        <v>699</v>
      </c>
      <c r="D225" s="5" t="s">
        <v>164</v>
      </c>
      <c r="E225" s="3" t="s">
        <v>46</v>
      </c>
      <c r="F225" s="3" t="s">
        <v>763</v>
      </c>
      <c r="G225" s="3" t="s">
        <v>142</v>
      </c>
      <c r="H225" s="3" t="s">
        <v>64</v>
      </c>
      <c r="I225" s="3" t="s">
        <v>49</v>
      </c>
      <c r="J225" s="3" t="s">
        <v>764</v>
      </c>
      <c r="K225" s="3" t="s">
        <v>32</v>
      </c>
      <c r="L225" s="3" t="s">
        <v>33</v>
      </c>
      <c r="M225" s="3" t="s">
        <v>34</v>
      </c>
      <c r="N225" s="3" t="s">
        <v>35</v>
      </c>
      <c r="O225" s="3" t="s">
        <v>52</v>
      </c>
      <c r="P225" s="3" t="s">
        <v>53</v>
      </c>
      <c r="Q225" s="3" t="s">
        <v>73</v>
      </c>
      <c r="R225" s="3" t="s">
        <v>38</v>
      </c>
      <c r="S225" s="3" t="s">
        <v>765</v>
      </c>
      <c r="T225" s="3" t="s">
        <v>37</v>
      </c>
      <c r="U225" s="3" t="s">
        <v>37</v>
      </c>
      <c r="V225" s="3" t="s">
        <v>37</v>
      </c>
    </row>
    <row r="226" spans="1:22" x14ac:dyDescent="0.25">
      <c r="A226" s="3" t="s">
        <v>22</v>
      </c>
      <c r="B226" s="4" t="s">
        <v>698</v>
      </c>
      <c r="C226" s="3" t="s">
        <v>699</v>
      </c>
      <c r="D226" s="5" t="s">
        <v>170</v>
      </c>
      <c r="E226" s="3" t="s">
        <v>46</v>
      </c>
      <c r="F226" s="3" t="s">
        <v>766</v>
      </c>
      <c r="G226" s="3" t="s">
        <v>134</v>
      </c>
      <c r="H226" s="3" t="s">
        <v>64</v>
      </c>
      <c r="I226" s="3" t="s">
        <v>49</v>
      </c>
      <c r="J226" s="3" t="s">
        <v>767</v>
      </c>
      <c r="K226" s="3" t="s">
        <v>32</v>
      </c>
      <c r="L226" s="3" t="s">
        <v>33</v>
      </c>
      <c r="M226" s="3" t="s">
        <v>34</v>
      </c>
      <c r="N226" s="3" t="s">
        <v>35</v>
      </c>
      <c r="O226" s="3" t="s">
        <v>52</v>
      </c>
      <c r="P226" s="3" t="s">
        <v>53</v>
      </c>
      <c r="Q226" s="3" t="s">
        <v>73</v>
      </c>
      <c r="R226" s="3" t="s">
        <v>38</v>
      </c>
      <c r="S226" s="3" t="s">
        <v>768</v>
      </c>
      <c r="T226" s="3" t="s">
        <v>37</v>
      </c>
      <c r="U226" s="3" t="s">
        <v>37</v>
      </c>
      <c r="V226" s="3" t="s">
        <v>37</v>
      </c>
    </row>
    <row r="227" spans="1:22" x14ac:dyDescent="0.25">
      <c r="A227" s="3" t="s">
        <v>22</v>
      </c>
      <c r="B227" s="4" t="s">
        <v>698</v>
      </c>
      <c r="C227" s="3" t="s">
        <v>699</v>
      </c>
      <c r="D227" s="5" t="s">
        <v>175</v>
      </c>
      <c r="E227" s="3" t="s">
        <v>399</v>
      </c>
      <c r="F227" s="3" t="s">
        <v>769</v>
      </c>
      <c r="G227" s="3" t="s">
        <v>329</v>
      </c>
      <c r="H227" s="3" t="s">
        <v>29</v>
      </c>
      <c r="I227" s="3" t="s">
        <v>37</v>
      </c>
      <c r="J227" s="3" t="s">
        <v>770</v>
      </c>
      <c r="K227" s="3" t="s">
        <v>32</v>
      </c>
      <c r="L227" s="3" t="s">
        <v>33</v>
      </c>
      <c r="M227" s="3" t="s">
        <v>66</v>
      </c>
      <c r="N227" s="3" t="s">
        <v>80</v>
      </c>
      <c r="O227" s="3" t="s">
        <v>52</v>
      </c>
      <c r="P227" s="3" t="s">
        <v>37</v>
      </c>
      <c r="Q227" s="3" t="s">
        <v>37</v>
      </c>
      <c r="R227" s="3" t="s">
        <v>38</v>
      </c>
      <c r="S227" s="3" t="s">
        <v>771</v>
      </c>
      <c r="T227" s="3" t="s">
        <v>37</v>
      </c>
      <c r="U227" s="3" t="s">
        <v>37</v>
      </c>
      <c r="V227" s="3" t="s">
        <v>37</v>
      </c>
    </row>
    <row r="228" spans="1:22" x14ac:dyDescent="0.25">
      <c r="A228" s="3" t="s">
        <v>22</v>
      </c>
      <c r="B228" s="4" t="s">
        <v>698</v>
      </c>
      <c r="C228" s="3" t="s">
        <v>699</v>
      </c>
      <c r="D228" s="5" t="s">
        <v>180</v>
      </c>
      <c r="E228" s="3" t="s">
        <v>399</v>
      </c>
      <c r="F228" s="3" t="s">
        <v>772</v>
      </c>
      <c r="G228" s="3" t="s">
        <v>773</v>
      </c>
      <c r="H228" s="3" t="s">
        <v>29</v>
      </c>
      <c r="I228" s="3" t="s">
        <v>37</v>
      </c>
      <c r="J228" s="3" t="s">
        <v>774</v>
      </c>
      <c r="K228" s="3" t="s">
        <v>32</v>
      </c>
      <c r="L228" s="3" t="s">
        <v>33</v>
      </c>
      <c r="M228" s="3" t="s">
        <v>66</v>
      </c>
      <c r="N228" s="3" t="s">
        <v>80</v>
      </c>
      <c r="O228" s="3" t="s">
        <v>52</v>
      </c>
      <c r="P228" s="3" t="s">
        <v>37</v>
      </c>
      <c r="Q228" s="3" t="s">
        <v>37</v>
      </c>
      <c r="R228" s="3" t="s">
        <v>38</v>
      </c>
      <c r="S228" s="3" t="s">
        <v>775</v>
      </c>
      <c r="T228" s="3" t="s">
        <v>37</v>
      </c>
      <c r="U228" s="3" t="s">
        <v>37</v>
      </c>
      <c r="V228" s="3" t="s">
        <v>37</v>
      </c>
    </row>
    <row r="229" spans="1:22" x14ac:dyDescent="0.25">
      <c r="A229" s="3" t="s">
        <v>22</v>
      </c>
      <c r="B229" s="4" t="s">
        <v>698</v>
      </c>
      <c r="C229" s="3" t="s">
        <v>699</v>
      </c>
      <c r="D229" s="5" t="s">
        <v>185</v>
      </c>
      <c r="E229" s="3" t="s">
        <v>46</v>
      </c>
      <c r="F229" s="3" t="s">
        <v>363</v>
      </c>
      <c r="G229" s="3" t="s">
        <v>364</v>
      </c>
      <c r="H229" s="3" t="s">
        <v>78</v>
      </c>
      <c r="I229" s="3" t="s">
        <v>49</v>
      </c>
      <c r="J229" s="3" t="s">
        <v>365</v>
      </c>
      <c r="K229" s="3" t="s">
        <v>32</v>
      </c>
      <c r="L229" s="3" t="s">
        <v>33</v>
      </c>
      <c r="M229" s="3" t="s">
        <v>34</v>
      </c>
      <c r="N229" s="3" t="s">
        <v>67</v>
      </c>
      <c r="O229" s="3" t="s">
        <v>52</v>
      </c>
      <c r="P229" s="3" t="s">
        <v>53</v>
      </c>
      <c r="Q229" s="3" t="s">
        <v>37</v>
      </c>
      <c r="R229" s="3" t="s">
        <v>38</v>
      </c>
      <c r="S229" s="3" t="s">
        <v>366</v>
      </c>
      <c r="T229" s="3" t="s">
        <v>37</v>
      </c>
      <c r="U229" s="3" t="s">
        <v>37</v>
      </c>
      <c r="V229" s="3" t="s">
        <v>37</v>
      </c>
    </row>
    <row r="230" spans="1:22" x14ac:dyDescent="0.25">
      <c r="A230" s="3" t="s">
        <v>22</v>
      </c>
      <c r="B230" s="4" t="s">
        <v>698</v>
      </c>
      <c r="C230" s="3" t="s">
        <v>699</v>
      </c>
      <c r="D230" s="5" t="s">
        <v>190</v>
      </c>
      <c r="E230" s="3" t="s">
        <v>46</v>
      </c>
      <c r="F230" s="3" t="s">
        <v>776</v>
      </c>
      <c r="G230" s="3" t="s">
        <v>777</v>
      </c>
      <c r="H230" s="3" t="s">
        <v>78</v>
      </c>
      <c r="I230" s="3" t="s">
        <v>49</v>
      </c>
      <c r="J230" s="3" t="s">
        <v>778</v>
      </c>
      <c r="K230" s="3" t="s">
        <v>32</v>
      </c>
      <c r="L230" s="3" t="s">
        <v>33</v>
      </c>
      <c r="M230" s="3" t="s">
        <v>34</v>
      </c>
      <c r="N230" s="3" t="s">
        <v>67</v>
      </c>
      <c r="O230" s="3" t="s">
        <v>52</v>
      </c>
      <c r="P230" s="3" t="s">
        <v>53</v>
      </c>
      <c r="Q230" s="3" t="s">
        <v>37</v>
      </c>
      <c r="R230" s="3" t="s">
        <v>38</v>
      </c>
      <c r="S230" s="3" t="s">
        <v>779</v>
      </c>
      <c r="T230" s="3" t="s">
        <v>37</v>
      </c>
      <c r="U230" s="3" t="s">
        <v>37</v>
      </c>
      <c r="V230" s="3" t="s">
        <v>37</v>
      </c>
    </row>
    <row r="231" spans="1:22" x14ac:dyDescent="0.25">
      <c r="A231" s="3" t="s">
        <v>22</v>
      </c>
      <c r="B231" s="4" t="s">
        <v>698</v>
      </c>
      <c r="C231" s="3" t="s">
        <v>699</v>
      </c>
      <c r="D231" s="5" t="s">
        <v>195</v>
      </c>
      <c r="E231" s="3" t="s">
        <v>46</v>
      </c>
      <c r="F231" s="3" t="s">
        <v>298</v>
      </c>
      <c r="G231" s="3" t="s">
        <v>299</v>
      </c>
      <c r="H231" s="3" t="s">
        <v>78</v>
      </c>
      <c r="I231" s="3" t="s">
        <v>49</v>
      </c>
      <c r="J231" s="3" t="s">
        <v>300</v>
      </c>
      <c r="K231" s="3" t="s">
        <v>32</v>
      </c>
      <c r="L231" s="3" t="s">
        <v>33</v>
      </c>
      <c r="M231" s="3" t="s">
        <v>34</v>
      </c>
      <c r="N231" s="3" t="s">
        <v>67</v>
      </c>
      <c r="O231" s="3" t="s">
        <v>52</v>
      </c>
      <c r="P231" s="3" t="s">
        <v>53</v>
      </c>
      <c r="Q231" s="3" t="s">
        <v>37</v>
      </c>
      <c r="R231" s="3" t="s">
        <v>38</v>
      </c>
      <c r="S231" s="3" t="s">
        <v>301</v>
      </c>
      <c r="T231" s="3" t="s">
        <v>37</v>
      </c>
      <c r="U231" s="3" t="s">
        <v>37</v>
      </c>
      <c r="V231" s="3" t="s">
        <v>37</v>
      </c>
    </row>
    <row r="232" spans="1:22" x14ac:dyDescent="0.25">
      <c r="A232" s="3" t="s">
        <v>22</v>
      </c>
      <c r="B232" s="4" t="s">
        <v>698</v>
      </c>
      <c r="C232" s="3" t="s">
        <v>699</v>
      </c>
      <c r="D232" s="5" t="s">
        <v>200</v>
      </c>
      <c r="E232" s="3" t="s">
        <v>75</v>
      </c>
      <c r="F232" s="3" t="s">
        <v>780</v>
      </c>
      <c r="G232" s="3" t="s">
        <v>734</v>
      </c>
      <c r="H232" s="3" t="s">
        <v>64</v>
      </c>
      <c r="I232" s="3" t="s">
        <v>282</v>
      </c>
      <c r="J232" s="3" t="s">
        <v>781</v>
      </c>
      <c r="K232" s="3" t="s">
        <v>32</v>
      </c>
      <c r="L232" s="3" t="s">
        <v>33</v>
      </c>
      <c r="M232" s="3" t="s">
        <v>66</v>
      </c>
      <c r="N232" s="3" t="s">
        <v>51</v>
      </c>
      <c r="O232" s="3" t="s">
        <v>52</v>
      </c>
      <c r="P232" s="3" t="s">
        <v>37</v>
      </c>
      <c r="Q232" s="3" t="s">
        <v>37</v>
      </c>
      <c r="R232" s="3" t="s">
        <v>38</v>
      </c>
      <c r="S232" s="3" t="s">
        <v>782</v>
      </c>
      <c r="T232" s="3" t="s">
        <v>37</v>
      </c>
      <c r="U232" s="3" t="s">
        <v>37</v>
      </c>
      <c r="V232" s="3" t="s">
        <v>37</v>
      </c>
    </row>
    <row r="233" spans="1:22" x14ac:dyDescent="0.25">
      <c r="A233" s="3" t="s">
        <v>22</v>
      </c>
      <c r="B233" s="4" t="s">
        <v>698</v>
      </c>
      <c r="C233" s="3" t="s">
        <v>699</v>
      </c>
      <c r="D233" s="5" t="s">
        <v>205</v>
      </c>
      <c r="E233" s="3" t="s">
        <v>75</v>
      </c>
      <c r="F233" s="3" t="s">
        <v>783</v>
      </c>
      <c r="G233" s="3" t="s">
        <v>439</v>
      </c>
      <c r="H233" s="3" t="s">
        <v>64</v>
      </c>
      <c r="I233" s="3" t="s">
        <v>282</v>
      </c>
      <c r="J233" s="3" t="s">
        <v>784</v>
      </c>
      <c r="K233" s="3" t="s">
        <v>32</v>
      </c>
      <c r="L233" s="3" t="s">
        <v>33</v>
      </c>
      <c r="M233" s="3" t="s">
        <v>66</v>
      </c>
      <c r="N233" s="3" t="s">
        <v>51</v>
      </c>
      <c r="O233" s="3" t="s">
        <v>52</v>
      </c>
      <c r="P233" s="3" t="s">
        <v>37</v>
      </c>
      <c r="Q233" s="3" t="s">
        <v>37</v>
      </c>
      <c r="R233" s="3" t="s">
        <v>38</v>
      </c>
      <c r="S233" s="3" t="s">
        <v>785</v>
      </c>
      <c r="T233" s="3" t="s">
        <v>37</v>
      </c>
      <c r="U233" s="3" t="s">
        <v>37</v>
      </c>
      <c r="V233" s="3" t="s">
        <v>37</v>
      </c>
    </row>
    <row r="234" spans="1:22" x14ac:dyDescent="0.25">
      <c r="A234" s="3" t="s">
        <v>22</v>
      </c>
      <c r="B234" s="4" t="s">
        <v>698</v>
      </c>
      <c r="C234" s="3" t="s">
        <v>699</v>
      </c>
      <c r="D234" s="5" t="s">
        <v>489</v>
      </c>
      <c r="E234" s="3" t="s">
        <v>490</v>
      </c>
      <c r="F234" s="3" t="s">
        <v>786</v>
      </c>
      <c r="G234" s="3" t="s">
        <v>734</v>
      </c>
      <c r="H234" s="3" t="s">
        <v>64</v>
      </c>
      <c r="I234" s="3" t="s">
        <v>787</v>
      </c>
      <c r="J234" s="3" t="s">
        <v>788</v>
      </c>
      <c r="K234" s="3" t="s">
        <v>32</v>
      </c>
      <c r="L234" s="3" t="s">
        <v>494</v>
      </c>
      <c r="M234" s="3" t="s">
        <v>34</v>
      </c>
      <c r="N234" s="3" t="s">
        <v>35</v>
      </c>
      <c r="O234" s="3" t="s">
        <v>86</v>
      </c>
      <c r="P234" s="3" t="s">
        <v>37</v>
      </c>
      <c r="Q234" s="3" t="s">
        <v>37</v>
      </c>
      <c r="R234" s="3" t="s">
        <v>38</v>
      </c>
      <c r="S234" s="3" t="s">
        <v>789</v>
      </c>
      <c r="T234" s="3" t="s">
        <v>37</v>
      </c>
      <c r="U234" s="3" t="s">
        <v>37</v>
      </c>
      <c r="V234" s="3" t="s">
        <v>37</v>
      </c>
    </row>
    <row r="235" spans="1:22" x14ac:dyDescent="0.25">
      <c r="A235" s="3" t="s">
        <v>22</v>
      </c>
      <c r="B235" s="4" t="s">
        <v>698</v>
      </c>
      <c r="C235" s="3" t="s">
        <v>699</v>
      </c>
      <c r="D235" s="5" t="s">
        <v>496</v>
      </c>
      <c r="E235" s="3" t="s">
        <v>490</v>
      </c>
      <c r="F235" s="3" t="s">
        <v>790</v>
      </c>
      <c r="G235" s="3" t="s">
        <v>71</v>
      </c>
      <c r="H235" s="3" t="s">
        <v>64</v>
      </c>
      <c r="I235" s="3" t="s">
        <v>791</v>
      </c>
      <c r="J235" s="3" t="s">
        <v>792</v>
      </c>
      <c r="K235" s="3" t="s">
        <v>32</v>
      </c>
      <c r="L235" s="3" t="s">
        <v>494</v>
      </c>
      <c r="M235" s="3" t="s">
        <v>34</v>
      </c>
      <c r="N235" s="3" t="s">
        <v>35</v>
      </c>
      <c r="O235" s="3" t="s">
        <v>86</v>
      </c>
      <c r="P235" s="3" t="s">
        <v>37</v>
      </c>
      <c r="Q235" s="3" t="s">
        <v>37</v>
      </c>
      <c r="R235" s="3" t="s">
        <v>38</v>
      </c>
      <c r="S235" s="3" t="s">
        <v>793</v>
      </c>
      <c r="T235" s="3" t="s">
        <v>37</v>
      </c>
      <c r="U235" s="3" t="s">
        <v>37</v>
      </c>
      <c r="V235" s="3" t="s">
        <v>37</v>
      </c>
    </row>
    <row r="236" spans="1:22" x14ac:dyDescent="0.25">
      <c r="A236" s="3" t="s">
        <v>22</v>
      </c>
      <c r="B236" s="4" t="s">
        <v>698</v>
      </c>
      <c r="C236" s="3" t="s">
        <v>699</v>
      </c>
      <c r="D236" s="5" t="s">
        <v>219</v>
      </c>
      <c r="E236" s="3" t="s">
        <v>501</v>
      </c>
      <c r="F236" s="3" t="s">
        <v>794</v>
      </c>
      <c r="G236" s="3" t="s">
        <v>795</v>
      </c>
      <c r="H236" s="3" t="s">
        <v>225</v>
      </c>
      <c r="I236" s="3" t="s">
        <v>37</v>
      </c>
      <c r="J236" s="3" t="s">
        <v>796</v>
      </c>
      <c r="K236" s="3" t="s">
        <v>32</v>
      </c>
      <c r="L236" s="3" t="s">
        <v>101</v>
      </c>
      <c r="M236" s="3" t="s">
        <v>66</v>
      </c>
      <c r="N236" s="3" t="s">
        <v>67</v>
      </c>
      <c r="O236" s="3" t="s">
        <v>86</v>
      </c>
      <c r="P236" s="3" t="s">
        <v>53</v>
      </c>
      <c r="Q236" s="3" t="s">
        <v>37</v>
      </c>
      <c r="R236" s="3" t="s">
        <v>38</v>
      </c>
      <c r="S236" s="3" t="s">
        <v>797</v>
      </c>
      <c r="T236" s="3" t="s">
        <v>37</v>
      </c>
      <c r="U236" s="3" t="s">
        <v>37</v>
      </c>
      <c r="V236" s="3" t="s">
        <v>37</v>
      </c>
    </row>
    <row r="237" spans="1:22" x14ac:dyDescent="0.25">
      <c r="A237" s="3" t="s">
        <v>22</v>
      </c>
      <c r="B237" s="4" t="s">
        <v>698</v>
      </c>
      <c r="C237" s="3" t="s">
        <v>699</v>
      </c>
      <c r="D237" s="5" t="s">
        <v>223</v>
      </c>
      <c r="E237" s="3" t="s">
        <v>501</v>
      </c>
      <c r="F237" s="3" t="s">
        <v>798</v>
      </c>
      <c r="G237" s="3" t="s">
        <v>799</v>
      </c>
      <c r="H237" s="3" t="s">
        <v>225</v>
      </c>
      <c r="I237" s="3" t="s">
        <v>37</v>
      </c>
      <c r="J237" s="3" t="s">
        <v>800</v>
      </c>
      <c r="K237" s="3" t="s">
        <v>32</v>
      </c>
      <c r="L237" s="3" t="s">
        <v>101</v>
      </c>
      <c r="M237" s="3" t="s">
        <v>66</v>
      </c>
      <c r="N237" s="3" t="s">
        <v>67</v>
      </c>
      <c r="O237" s="3" t="s">
        <v>86</v>
      </c>
      <c r="P237" s="3" t="s">
        <v>53</v>
      </c>
      <c r="Q237" s="3" t="s">
        <v>37</v>
      </c>
      <c r="R237" s="3" t="s">
        <v>38</v>
      </c>
      <c r="S237" s="3" t="s">
        <v>801</v>
      </c>
      <c r="T237" s="3" t="s">
        <v>37</v>
      </c>
      <c r="U237" s="3" t="s">
        <v>37</v>
      </c>
      <c r="V237" s="3" t="s">
        <v>37</v>
      </c>
    </row>
    <row r="238" spans="1:22" x14ac:dyDescent="0.25">
      <c r="A238" s="3" t="s">
        <v>22</v>
      </c>
      <c r="B238" s="4" t="s">
        <v>698</v>
      </c>
      <c r="C238" s="3" t="s">
        <v>699</v>
      </c>
      <c r="D238" s="5" t="s">
        <v>228</v>
      </c>
      <c r="E238" s="3" t="s">
        <v>186</v>
      </c>
      <c r="F238" s="3" t="s">
        <v>802</v>
      </c>
      <c r="G238" s="3" t="s">
        <v>71</v>
      </c>
      <c r="H238" s="3" t="s">
        <v>64</v>
      </c>
      <c r="I238" s="3" t="s">
        <v>37</v>
      </c>
      <c r="J238" s="3" t="s">
        <v>803</v>
      </c>
      <c r="K238" s="3" t="s">
        <v>32</v>
      </c>
      <c r="L238" s="3" t="s">
        <v>101</v>
      </c>
      <c r="M238" s="3" t="s">
        <v>66</v>
      </c>
      <c r="N238" s="3" t="s">
        <v>67</v>
      </c>
      <c r="O238" s="3" t="s">
        <v>52</v>
      </c>
      <c r="P238" s="3" t="s">
        <v>37</v>
      </c>
      <c r="Q238" s="3" t="s">
        <v>37</v>
      </c>
      <c r="R238" s="3" t="s">
        <v>38</v>
      </c>
      <c r="S238" s="3" t="s">
        <v>804</v>
      </c>
      <c r="T238" s="3" t="s">
        <v>37</v>
      </c>
      <c r="U238" s="3" t="s">
        <v>37</v>
      </c>
      <c r="V238" s="3" t="s">
        <v>37</v>
      </c>
    </row>
    <row r="239" spans="1:22" x14ac:dyDescent="0.25">
      <c r="A239" s="3" t="s">
        <v>22</v>
      </c>
      <c r="B239" s="4" t="s">
        <v>698</v>
      </c>
      <c r="C239" s="3" t="s">
        <v>699</v>
      </c>
      <c r="D239" s="5" t="s">
        <v>233</v>
      </c>
      <c r="E239" s="3" t="s">
        <v>186</v>
      </c>
      <c r="F239" s="3" t="s">
        <v>805</v>
      </c>
      <c r="G239" s="3" t="s">
        <v>90</v>
      </c>
      <c r="H239" s="3" t="s">
        <v>64</v>
      </c>
      <c r="I239" s="3" t="s">
        <v>37</v>
      </c>
      <c r="J239" s="3" t="s">
        <v>806</v>
      </c>
      <c r="K239" s="3" t="s">
        <v>32</v>
      </c>
      <c r="L239" s="3" t="s">
        <v>101</v>
      </c>
      <c r="M239" s="3" t="s">
        <v>66</v>
      </c>
      <c r="N239" s="3" t="s">
        <v>67</v>
      </c>
      <c r="O239" s="3" t="s">
        <v>52</v>
      </c>
      <c r="P239" s="3" t="s">
        <v>53</v>
      </c>
      <c r="Q239" s="3" t="s">
        <v>37</v>
      </c>
      <c r="R239" s="3" t="s">
        <v>38</v>
      </c>
      <c r="S239" s="3" t="s">
        <v>807</v>
      </c>
      <c r="T239" s="3" t="s">
        <v>37</v>
      </c>
      <c r="U239" s="3" t="s">
        <v>37</v>
      </c>
      <c r="V239" s="3" t="s">
        <v>37</v>
      </c>
    </row>
    <row r="240" spans="1:22" x14ac:dyDescent="0.25">
      <c r="A240" s="3" t="s">
        <v>22</v>
      </c>
      <c r="B240" s="4" t="s">
        <v>698</v>
      </c>
      <c r="C240" s="3" t="s">
        <v>699</v>
      </c>
      <c r="D240" s="5" t="s">
        <v>238</v>
      </c>
      <c r="E240" s="3" t="s">
        <v>510</v>
      </c>
      <c r="F240" s="3" t="s">
        <v>808</v>
      </c>
      <c r="G240" s="3" t="s">
        <v>809</v>
      </c>
      <c r="H240" s="3" t="s">
        <v>64</v>
      </c>
      <c r="I240" s="3" t="s">
        <v>810</v>
      </c>
      <c r="J240" s="3" t="s">
        <v>811</v>
      </c>
      <c r="K240" s="3" t="s">
        <v>32</v>
      </c>
      <c r="L240" s="3" t="s">
        <v>101</v>
      </c>
      <c r="M240" s="3" t="s">
        <v>515</v>
      </c>
      <c r="N240" s="3" t="s">
        <v>516</v>
      </c>
      <c r="O240" s="3" t="s">
        <v>517</v>
      </c>
      <c r="P240" s="3" t="s">
        <v>53</v>
      </c>
      <c r="Q240" s="3" t="s">
        <v>73</v>
      </c>
      <c r="R240" s="3" t="s">
        <v>38</v>
      </c>
      <c r="S240" s="3" t="s">
        <v>812</v>
      </c>
      <c r="T240" s="3" t="s">
        <v>37</v>
      </c>
      <c r="U240" s="3" t="s">
        <v>37</v>
      </c>
      <c r="V240" s="3" t="s">
        <v>37</v>
      </c>
    </row>
    <row r="241" spans="1:22" x14ac:dyDescent="0.25">
      <c r="A241" s="3"/>
      <c r="B241" s="4"/>
      <c r="C241" s="3"/>
      <c r="D241" s="5"/>
      <c r="E241" s="6" t="s">
        <v>248</v>
      </c>
      <c r="F241" s="3"/>
      <c r="G241" s="3"/>
      <c r="H241" s="3"/>
      <c r="I241" s="3"/>
      <c r="J241" s="3"/>
      <c r="K241" s="3"/>
      <c r="L241" s="3"/>
      <c r="M241" s="3"/>
      <c r="N241" s="3"/>
      <c r="O241" s="3"/>
      <c r="P241" s="3"/>
      <c r="Q241" s="3"/>
      <c r="R241" s="3"/>
      <c r="S241" s="3"/>
      <c r="T241" s="3"/>
      <c r="U241" s="3"/>
      <c r="V241" s="3"/>
    </row>
    <row r="242" spans="1:22" x14ac:dyDescent="0.25">
      <c r="A242" s="3"/>
      <c r="B242" s="4"/>
      <c r="C242" s="3"/>
      <c r="D242" s="5"/>
      <c r="E242" s="6"/>
      <c r="F242" s="3"/>
      <c r="G242" s="3"/>
      <c r="H242" s="3"/>
      <c r="I242" s="3"/>
      <c r="J242" s="3"/>
      <c r="K242" s="3"/>
      <c r="L242" s="3"/>
      <c r="M242" s="3"/>
      <c r="N242" s="3"/>
      <c r="O242" s="3"/>
      <c r="P242" s="3"/>
      <c r="Q242" s="3"/>
      <c r="R242" s="3"/>
      <c r="S242" s="3"/>
      <c r="T242" s="3"/>
      <c r="U242" s="3"/>
      <c r="V242" s="3"/>
    </row>
    <row r="243" spans="1:22" x14ac:dyDescent="0.25">
      <c r="A243" s="3" t="s">
        <v>22</v>
      </c>
      <c r="B243" s="4" t="s">
        <v>813</v>
      </c>
      <c r="C243" s="3" t="s">
        <v>814</v>
      </c>
      <c r="D243" s="5" t="s">
        <v>25</v>
      </c>
      <c r="E243" s="3" t="s">
        <v>399</v>
      </c>
      <c r="F243" s="3" t="s">
        <v>594</v>
      </c>
      <c r="G243" s="3" t="s">
        <v>161</v>
      </c>
      <c r="H243" s="3" t="s">
        <v>29</v>
      </c>
      <c r="I243" s="3" t="s">
        <v>37</v>
      </c>
      <c r="J243" s="3" t="s">
        <v>595</v>
      </c>
      <c r="K243" s="3" t="s">
        <v>32</v>
      </c>
      <c r="L243" s="3" t="s">
        <v>33</v>
      </c>
      <c r="M243" s="3" t="s">
        <v>66</v>
      </c>
      <c r="N243" s="3" t="s">
        <v>80</v>
      </c>
      <c r="O243" s="3" t="s">
        <v>52</v>
      </c>
      <c r="P243" s="3" t="s">
        <v>37</v>
      </c>
      <c r="Q243" s="3" t="s">
        <v>37</v>
      </c>
      <c r="R243" s="3" t="s">
        <v>38</v>
      </c>
      <c r="S243" s="3" t="s">
        <v>596</v>
      </c>
      <c r="T243" s="3" t="s">
        <v>37</v>
      </c>
      <c r="U243" s="3" t="s">
        <v>37</v>
      </c>
      <c r="V243" s="3" t="s">
        <v>37</v>
      </c>
    </row>
    <row r="244" spans="1:22" x14ac:dyDescent="0.25">
      <c r="A244" s="3" t="s">
        <v>22</v>
      </c>
      <c r="B244" s="4" t="s">
        <v>813</v>
      </c>
      <c r="C244" s="3" t="s">
        <v>814</v>
      </c>
      <c r="D244" s="5" t="s">
        <v>40</v>
      </c>
      <c r="E244" s="3" t="s">
        <v>399</v>
      </c>
      <c r="F244" s="3" t="s">
        <v>667</v>
      </c>
      <c r="G244" s="3" t="s">
        <v>321</v>
      </c>
      <c r="H244" s="3" t="s">
        <v>29</v>
      </c>
      <c r="I244" s="3" t="s">
        <v>37</v>
      </c>
      <c r="J244" s="3" t="s">
        <v>668</v>
      </c>
      <c r="K244" s="3" t="s">
        <v>32</v>
      </c>
      <c r="L244" s="3" t="s">
        <v>33</v>
      </c>
      <c r="M244" s="3" t="s">
        <v>66</v>
      </c>
      <c r="N244" s="3" t="s">
        <v>80</v>
      </c>
      <c r="O244" s="3" t="s">
        <v>52</v>
      </c>
      <c r="P244" s="3" t="s">
        <v>37</v>
      </c>
      <c r="Q244" s="3" t="s">
        <v>37</v>
      </c>
      <c r="R244" s="3" t="s">
        <v>38</v>
      </c>
      <c r="S244" s="3" t="s">
        <v>669</v>
      </c>
      <c r="T244" s="3" t="s">
        <v>37</v>
      </c>
      <c r="U244" s="3" t="s">
        <v>37</v>
      </c>
      <c r="V244" s="3" t="s">
        <v>37</v>
      </c>
    </row>
    <row r="245" spans="1:22" x14ac:dyDescent="0.25">
      <c r="A245" s="3" t="s">
        <v>22</v>
      </c>
      <c r="B245" s="4" t="s">
        <v>813</v>
      </c>
      <c r="C245" s="3" t="s">
        <v>814</v>
      </c>
      <c r="D245" s="5" t="s">
        <v>45</v>
      </c>
      <c r="E245" s="3" t="s">
        <v>46</v>
      </c>
      <c r="F245" s="3" t="s">
        <v>815</v>
      </c>
      <c r="G245" s="3" t="s">
        <v>816</v>
      </c>
      <c r="H245" s="3" t="s">
        <v>29</v>
      </c>
      <c r="I245" s="3" t="s">
        <v>49</v>
      </c>
      <c r="J245" s="3" t="s">
        <v>817</v>
      </c>
      <c r="K245" s="3" t="s">
        <v>32</v>
      </c>
      <c r="L245" s="3" t="s">
        <v>33</v>
      </c>
      <c r="M245" s="3" t="s">
        <v>34</v>
      </c>
      <c r="N245" s="3" t="s">
        <v>51</v>
      </c>
      <c r="O245" s="3" t="s">
        <v>52</v>
      </c>
      <c r="P245" s="3" t="s">
        <v>53</v>
      </c>
      <c r="Q245" s="3" t="s">
        <v>37</v>
      </c>
      <c r="R245" s="3" t="s">
        <v>38</v>
      </c>
      <c r="S245" s="3" t="s">
        <v>818</v>
      </c>
      <c r="T245" s="3" t="s">
        <v>37</v>
      </c>
      <c r="U245" s="3" t="s">
        <v>37</v>
      </c>
      <c r="V245" s="3" t="s">
        <v>37</v>
      </c>
    </row>
    <row r="246" spans="1:22" x14ac:dyDescent="0.25">
      <c r="A246" s="3" t="s">
        <v>22</v>
      </c>
      <c r="B246" s="4" t="s">
        <v>813</v>
      </c>
      <c r="C246" s="3" t="s">
        <v>814</v>
      </c>
      <c r="D246" s="5" t="s">
        <v>55</v>
      </c>
      <c r="E246" s="3" t="s">
        <v>46</v>
      </c>
      <c r="F246" s="3" t="s">
        <v>744</v>
      </c>
      <c r="G246" s="3" t="s">
        <v>64</v>
      </c>
      <c r="H246" s="3" t="s">
        <v>64</v>
      </c>
      <c r="I246" s="3" t="s">
        <v>49</v>
      </c>
      <c r="J246" s="3" t="s">
        <v>745</v>
      </c>
      <c r="K246" s="3" t="s">
        <v>32</v>
      </c>
      <c r="L246" s="3" t="s">
        <v>33</v>
      </c>
      <c r="M246" s="3" t="s">
        <v>34</v>
      </c>
      <c r="N246" s="3" t="s">
        <v>35</v>
      </c>
      <c r="O246" s="3" t="s">
        <v>52</v>
      </c>
      <c r="P246" s="3" t="s">
        <v>53</v>
      </c>
      <c r="Q246" s="3" t="s">
        <v>73</v>
      </c>
      <c r="R246" s="3" t="s">
        <v>38</v>
      </c>
      <c r="S246" s="3" t="s">
        <v>746</v>
      </c>
      <c r="T246" s="3" t="s">
        <v>37</v>
      </c>
      <c r="U246" s="3" t="s">
        <v>37</v>
      </c>
      <c r="V246" s="3" t="s">
        <v>37</v>
      </c>
    </row>
    <row r="247" spans="1:22" x14ac:dyDescent="0.25">
      <c r="A247" s="3" t="s">
        <v>22</v>
      </c>
      <c r="B247" s="4" t="s">
        <v>813</v>
      </c>
      <c r="C247" s="3" t="s">
        <v>814</v>
      </c>
      <c r="D247" s="5" t="s">
        <v>60</v>
      </c>
      <c r="E247" s="3" t="s">
        <v>75</v>
      </c>
      <c r="F247" s="3" t="s">
        <v>819</v>
      </c>
      <c r="G247" s="3" t="s">
        <v>253</v>
      </c>
      <c r="H247" s="3" t="s">
        <v>29</v>
      </c>
      <c r="I247" s="3" t="s">
        <v>820</v>
      </c>
      <c r="J247" s="3" t="s">
        <v>821</v>
      </c>
      <c r="K247" s="3" t="s">
        <v>32</v>
      </c>
      <c r="L247" s="3" t="s">
        <v>33</v>
      </c>
      <c r="M247" s="3" t="s">
        <v>66</v>
      </c>
      <c r="N247" s="3" t="s">
        <v>137</v>
      </c>
      <c r="O247" s="3" t="s">
        <v>52</v>
      </c>
      <c r="P247" s="3" t="s">
        <v>53</v>
      </c>
      <c r="Q247" s="3" t="s">
        <v>37</v>
      </c>
      <c r="R247" s="3" t="s">
        <v>38</v>
      </c>
      <c r="S247" s="3" t="s">
        <v>822</v>
      </c>
      <c r="T247" s="3" t="s">
        <v>37</v>
      </c>
      <c r="U247" s="3" t="s">
        <v>37</v>
      </c>
      <c r="V247" s="3" t="s">
        <v>37</v>
      </c>
    </row>
    <row r="248" spans="1:22" x14ac:dyDescent="0.25">
      <c r="A248" s="3" t="s">
        <v>22</v>
      </c>
      <c r="B248" s="4" t="s">
        <v>813</v>
      </c>
      <c r="C248" s="3" t="s">
        <v>814</v>
      </c>
      <c r="D248" s="5" t="s">
        <v>70</v>
      </c>
      <c r="E248" s="3" t="s">
        <v>75</v>
      </c>
      <c r="F248" s="3" t="s">
        <v>823</v>
      </c>
      <c r="G248" s="3" t="s">
        <v>28</v>
      </c>
      <c r="H248" s="3" t="s">
        <v>29</v>
      </c>
      <c r="I248" s="3" t="s">
        <v>167</v>
      </c>
      <c r="J248" s="3" t="s">
        <v>824</v>
      </c>
      <c r="K248" s="3" t="s">
        <v>32</v>
      </c>
      <c r="L248" s="3" t="s">
        <v>33</v>
      </c>
      <c r="M248" s="3" t="s">
        <v>66</v>
      </c>
      <c r="N248" s="3" t="s">
        <v>137</v>
      </c>
      <c r="O248" s="3" t="s">
        <v>52</v>
      </c>
      <c r="P248" s="3" t="s">
        <v>53</v>
      </c>
      <c r="Q248" s="3" t="s">
        <v>37</v>
      </c>
      <c r="R248" s="3" t="s">
        <v>38</v>
      </c>
      <c r="S248" s="3" t="s">
        <v>825</v>
      </c>
      <c r="T248" s="3" t="s">
        <v>37</v>
      </c>
      <c r="U248" s="3" t="s">
        <v>37</v>
      </c>
      <c r="V248" s="3" t="s">
        <v>37</v>
      </c>
    </row>
    <row r="249" spans="1:22" x14ac:dyDescent="0.25">
      <c r="A249" s="3" t="s">
        <v>22</v>
      </c>
      <c r="B249" s="4" t="s">
        <v>813</v>
      </c>
      <c r="C249" s="3" t="s">
        <v>814</v>
      </c>
      <c r="D249" s="5" t="s">
        <v>412</v>
      </c>
      <c r="E249" s="3" t="s">
        <v>75</v>
      </c>
      <c r="F249" s="3" t="s">
        <v>826</v>
      </c>
      <c r="G249" s="3" t="s">
        <v>42</v>
      </c>
      <c r="H249" s="3" t="s">
        <v>29</v>
      </c>
      <c r="I249" s="3" t="s">
        <v>167</v>
      </c>
      <c r="J249" s="3" t="s">
        <v>827</v>
      </c>
      <c r="K249" s="3" t="s">
        <v>32</v>
      </c>
      <c r="L249" s="3" t="s">
        <v>33</v>
      </c>
      <c r="M249" s="3" t="s">
        <v>66</v>
      </c>
      <c r="N249" s="3" t="s">
        <v>137</v>
      </c>
      <c r="O249" s="3" t="s">
        <v>52</v>
      </c>
      <c r="P249" s="3" t="s">
        <v>53</v>
      </c>
      <c r="Q249" s="3" t="s">
        <v>37</v>
      </c>
      <c r="R249" s="3" t="s">
        <v>38</v>
      </c>
      <c r="S249" s="3" t="s">
        <v>828</v>
      </c>
      <c r="T249" s="3" t="s">
        <v>37</v>
      </c>
      <c r="U249" s="3" t="s">
        <v>37</v>
      </c>
      <c r="V249" s="3" t="s">
        <v>37</v>
      </c>
    </row>
    <row r="250" spans="1:22" x14ac:dyDescent="0.25">
      <c r="A250" s="3" t="s">
        <v>22</v>
      </c>
      <c r="B250" s="4" t="s">
        <v>813</v>
      </c>
      <c r="C250" s="3" t="s">
        <v>814</v>
      </c>
      <c r="D250" s="5" t="s">
        <v>88</v>
      </c>
      <c r="E250" s="3" t="s">
        <v>416</v>
      </c>
      <c r="F250" s="3" t="s">
        <v>829</v>
      </c>
      <c r="G250" s="3" t="s">
        <v>444</v>
      </c>
      <c r="H250" s="3" t="s">
        <v>64</v>
      </c>
      <c r="I250" s="3" t="s">
        <v>715</v>
      </c>
      <c r="J250" s="3" t="s">
        <v>830</v>
      </c>
      <c r="K250" s="3" t="s">
        <v>32</v>
      </c>
      <c r="L250" s="3" t="s">
        <v>33</v>
      </c>
      <c r="M250" s="3" t="s">
        <v>34</v>
      </c>
      <c r="N250" s="3" t="s">
        <v>137</v>
      </c>
      <c r="O250" s="3" t="s">
        <v>36</v>
      </c>
      <c r="P250" s="3" t="s">
        <v>37</v>
      </c>
      <c r="Q250" s="3" t="s">
        <v>37</v>
      </c>
      <c r="R250" s="3" t="s">
        <v>38</v>
      </c>
      <c r="S250" s="3" t="s">
        <v>831</v>
      </c>
      <c r="T250" s="3" t="s">
        <v>37</v>
      </c>
      <c r="U250" s="3" t="s">
        <v>37</v>
      </c>
      <c r="V250" s="3" t="s">
        <v>37</v>
      </c>
    </row>
    <row r="251" spans="1:22" x14ac:dyDescent="0.25">
      <c r="A251" s="3" t="s">
        <v>22</v>
      </c>
      <c r="B251" s="4" t="s">
        <v>813</v>
      </c>
      <c r="C251" s="3" t="s">
        <v>814</v>
      </c>
      <c r="D251" s="5" t="s">
        <v>93</v>
      </c>
      <c r="E251" s="3" t="s">
        <v>416</v>
      </c>
      <c r="F251" s="3" t="s">
        <v>832</v>
      </c>
      <c r="G251" s="3" t="s">
        <v>106</v>
      </c>
      <c r="H251" s="3" t="s">
        <v>64</v>
      </c>
      <c r="I251" s="3" t="s">
        <v>418</v>
      </c>
      <c r="J251" s="3" t="s">
        <v>833</v>
      </c>
      <c r="K251" s="3" t="s">
        <v>32</v>
      </c>
      <c r="L251" s="3" t="s">
        <v>33</v>
      </c>
      <c r="M251" s="3" t="s">
        <v>34</v>
      </c>
      <c r="N251" s="3" t="s">
        <v>137</v>
      </c>
      <c r="O251" s="3" t="s">
        <v>36</v>
      </c>
      <c r="P251" s="3" t="s">
        <v>37</v>
      </c>
      <c r="Q251" s="3" t="s">
        <v>37</v>
      </c>
      <c r="R251" s="3" t="s">
        <v>38</v>
      </c>
      <c r="S251" s="3" t="s">
        <v>834</v>
      </c>
      <c r="T251" s="3" t="s">
        <v>37</v>
      </c>
      <c r="U251" s="3" t="s">
        <v>37</v>
      </c>
      <c r="V251" s="3" t="s">
        <v>37</v>
      </c>
    </row>
    <row r="252" spans="1:22" x14ac:dyDescent="0.25">
      <c r="A252" s="3" t="s">
        <v>22</v>
      </c>
      <c r="B252" s="4" t="s">
        <v>813</v>
      </c>
      <c r="C252" s="3" t="s">
        <v>814</v>
      </c>
      <c r="D252" s="5" t="s">
        <v>98</v>
      </c>
      <c r="E252" s="3" t="s">
        <v>422</v>
      </c>
      <c r="F252" s="3" t="s">
        <v>835</v>
      </c>
      <c r="G252" s="3" t="s">
        <v>568</v>
      </c>
      <c r="H252" s="3" t="s">
        <v>64</v>
      </c>
      <c r="I252" s="3" t="s">
        <v>424</v>
      </c>
      <c r="J252" s="3" t="s">
        <v>836</v>
      </c>
      <c r="K252" s="3" t="s">
        <v>32</v>
      </c>
      <c r="L252" s="3" t="s">
        <v>33</v>
      </c>
      <c r="M252" s="3" t="s">
        <v>66</v>
      </c>
      <c r="N252" s="3" t="s">
        <v>137</v>
      </c>
      <c r="O252" s="3" t="s">
        <v>119</v>
      </c>
      <c r="P252" s="3" t="s">
        <v>37</v>
      </c>
      <c r="Q252" s="3" t="s">
        <v>37</v>
      </c>
      <c r="R252" s="3" t="s">
        <v>38</v>
      </c>
      <c r="S252" s="3" t="s">
        <v>837</v>
      </c>
      <c r="T252" s="3" t="s">
        <v>37</v>
      </c>
      <c r="U252" s="3" t="s">
        <v>37</v>
      </c>
      <c r="V252" s="3" t="s">
        <v>37</v>
      </c>
    </row>
    <row r="253" spans="1:22" x14ac:dyDescent="0.25">
      <c r="A253" s="3" t="s">
        <v>22</v>
      </c>
      <c r="B253" s="4" t="s">
        <v>813</v>
      </c>
      <c r="C253" s="3" t="s">
        <v>814</v>
      </c>
      <c r="D253" s="5" t="s">
        <v>427</v>
      </c>
      <c r="E253" s="3" t="s">
        <v>422</v>
      </c>
      <c r="F253" s="3" t="s">
        <v>838</v>
      </c>
      <c r="G253" s="3" t="s">
        <v>439</v>
      </c>
      <c r="H253" s="3" t="s">
        <v>64</v>
      </c>
      <c r="I253" s="3" t="s">
        <v>424</v>
      </c>
      <c r="J253" s="3" t="s">
        <v>839</v>
      </c>
      <c r="K253" s="3" t="s">
        <v>32</v>
      </c>
      <c r="L253" s="3" t="s">
        <v>33</v>
      </c>
      <c r="M253" s="3" t="s">
        <v>66</v>
      </c>
      <c r="N253" s="3" t="s">
        <v>137</v>
      </c>
      <c r="O253" s="3" t="s">
        <v>119</v>
      </c>
      <c r="P253" s="3" t="s">
        <v>37</v>
      </c>
      <c r="Q253" s="3" t="s">
        <v>37</v>
      </c>
      <c r="R253" s="3" t="s">
        <v>38</v>
      </c>
      <c r="S253" s="3" t="s">
        <v>840</v>
      </c>
      <c r="T253" s="3" t="s">
        <v>37</v>
      </c>
      <c r="U253" s="3" t="s">
        <v>37</v>
      </c>
      <c r="V253" s="3" t="s">
        <v>37</v>
      </c>
    </row>
    <row r="254" spans="1:22" x14ac:dyDescent="0.25">
      <c r="A254" s="3" t="s">
        <v>22</v>
      </c>
      <c r="B254" s="4" t="s">
        <v>813</v>
      </c>
      <c r="C254" s="3" t="s">
        <v>814</v>
      </c>
      <c r="D254" s="5" t="s">
        <v>302</v>
      </c>
      <c r="E254" s="3" t="s">
        <v>422</v>
      </c>
      <c r="F254" s="3" t="s">
        <v>841</v>
      </c>
      <c r="G254" s="3" t="s">
        <v>444</v>
      </c>
      <c r="H254" s="3" t="s">
        <v>64</v>
      </c>
      <c r="I254" s="3" t="s">
        <v>424</v>
      </c>
      <c r="J254" s="3" t="s">
        <v>842</v>
      </c>
      <c r="K254" s="3" t="s">
        <v>32</v>
      </c>
      <c r="L254" s="3" t="s">
        <v>33</v>
      </c>
      <c r="M254" s="3" t="s">
        <v>66</v>
      </c>
      <c r="N254" s="3" t="s">
        <v>137</v>
      </c>
      <c r="O254" s="3" t="s">
        <v>119</v>
      </c>
      <c r="P254" s="3" t="s">
        <v>37</v>
      </c>
      <c r="Q254" s="3" t="s">
        <v>37</v>
      </c>
      <c r="R254" s="3" t="s">
        <v>38</v>
      </c>
      <c r="S254" s="3" t="s">
        <v>843</v>
      </c>
      <c r="T254" s="3" t="s">
        <v>37</v>
      </c>
      <c r="U254" s="3" t="s">
        <v>37</v>
      </c>
      <c r="V254" s="3" t="s">
        <v>37</v>
      </c>
    </row>
    <row r="255" spans="1:22" x14ac:dyDescent="0.25">
      <c r="A255" s="3" t="s">
        <v>22</v>
      </c>
      <c r="B255" s="4" t="s">
        <v>813</v>
      </c>
      <c r="C255" s="3" t="s">
        <v>814</v>
      </c>
      <c r="D255" s="5" t="s">
        <v>434</v>
      </c>
      <c r="E255" s="3" t="s">
        <v>46</v>
      </c>
      <c r="F255" s="3" t="s">
        <v>588</v>
      </c>
      <c r="G255" s="3" t="s">
        <v>568</v>
      </c>
      <c r="H255" s="3" t="s">
        <v>64</v>
      </c>
      <c r="I255" s="3" t="s">
        <v>49</v>
      </c>
      <c r="J255" s="3" t="s">
        <v>589</v>
      </c>
      <c r="K255" s="3" t="s">
        <v>32</v>
      </c>
      <c r="L255" s="3" t="s">
        <v>33</v>
      </c>
      <c r="M255" s="3" t="s">
        <v>34</v>
      </c>
      <c r="N255" s="3" t="s">
        <v>35</v>
      </c>
      <c r="O255" s="3" t="s">
        <v>52</v>
      </c>
      <c r="P255" s="3" t="s">
        <v>53</v>
      </c>
      <c r="Q255" s="3" t="s">
        <v>73</v>
      </c>
      <c r="R255" s="3" t="s">
        <v>38</v>
      </c>
      <c r="S255" s="3" t="s">
        <v>590</v>
      </c>
      <c r="T255" s="3" t="s">
        <v>37</v>
      </c>
      <c r="U255" s="3" t="s">
        <v>37</v>
      </c>
      <c r="V255" s="3" t="s">
        <v>37</v>
      </c>
    </row>
    <row r="256" spans="1:22" x14ac:dyDescent="0.25">
      <c r="A256" s="3" t="s">
        <v>22</v>
      </c>
      <c r="B256" s="4" t="s">
        <v>813</v>
      </c>
      <c r="C256" s="3" t="s">
        <v>814</v>
      </c>
      <c r="D256" s="5" t="s">
        <v>435</v>
      </c>
      <c r="E256" s="3" t="s">
        <v>46</v>
      </c>
      <c r="F256" s="3" t="s">
        <v>844</v>
      </c>
      <c r="G256" s="3" t="s">
        <v>63</v>
      </c>
      <c r="H256" s="3" t="s">
        <v>64</v>
      </c>
      <c r="I256" s="3" t="s">
        <v>49</v>
      </c>
      <c r="J256" s="3" t="s">
        <v>845</v>
      </c>
      <c r="K256" s="3" t="s">
        <v>32</v>
      </c>
      <c r="L256" s="3" t="s">
        <v>33</v>
      </c>
      <c r="M256" s="3" t="s">
        <v>34</v>
      </c>
      <c r="N256" s="3" t="s">
        <v>35</v>
      </c>
      <c r="O256" s="3" t="s">
        <v>52</v>
      </c>
      <c r="P256" s="3" t="s">
        <v>53</v>
      </c>
      <c r="Q256" s="3" t="s">
        <v>73</v>
      </c>
      <c r="R256" s="3" t="s">
        <v>38</v>
      </c>
      <c r="S256" s="3" t="s">
        <v>846</v>
      </c>
      <c r="T256" s="3" t="s">
        <v>37</v>
      </c>
      <c r="U256" s="3" t="s">
        <v>37</v>
      </c>
      <c r="V256" s="3" t="s">
        <v>37</v>
      </c>
    </row>
    <row r="257" spans="1:22" x14ac:dyDescent="0.25">
      <c r="A257" s="3" t="s">
        <v>22</v>
      </c>
      <c r="B257" s="4" t="s">
        <v>813</v>
      </c>
      <c r="C257" s="3" t="s">
        <v>814</v>
      </c>
      <c r="D257" s="5" t="s">
        <v>436</v>
      </c>
      <c r="E257" s="3" t="s">
        <v>437</v>
      </c>
      <c r="F257" s="3" t="s">
        <v>847</v>
      </c>
      <c r="G257" s="3" t="s">
        <v>704</v>
      </c>
      <c r="H257" s="3" t="s">
        <v>64</v>
      </c>
      <c r="I257" s="3" t="s">
        <v>440</v>
      </c>
      <c r="J257" s="3" t="s">
        <v>848</v>
      </c>
      <c r="K257" s="3" t="s">
        <v>32</v>
      </c>
      <c r="L257" s="3" t="s">
        <v>33</v>
      </c>
      <c r="M257" s="3" t="s">
        <v>34</v>
      </c>
      <c r="N257" s="3" t="s">
        <v>72</v>
      </c>
      <c r="O257" s="3" t="s">
        <v>119</v>
      </c>
      <c r="P257" s="3" t="s">
        <v>37</v>
      </c>
      <c r="Q257" s="3" t="s">
        <v>73</v>
      </c>
      <c r="R257" s="3" t="s">
        <v>38</v>
      </c>
      <c r="S257" s="3" t="s">
        <v>849</v>
      </c>
      <c r="T257" s="3" t="s">
        <v>37</v>
      </c>
      <c r="U257" s="3" t="s">
        <v>37</v>
      </c>
      <c r="V257" s="3" t="s">
        <v>37</v>
      </c>
    </row>
    <row r="258" spans="1:22" x14ac:dyDescent="0.25">
      <c r="A258" s="3" t="s">
        <v>22</v>
      </c>
      <c r="B258" s="4" t="s">
        <v>813</v>
      </c>
      <c r="C258" s="3" t="s">
        <v>814</v>
      </c>
      <c r="D258" s="5" t="s">
        <v>109</v>
      </c>
      <c r="E258" s="3" t="s">
        <v>437</v>
      </c>
      <c r="F258" s="3" t="s">
        <v>850</v>
      </c>
      <c r="G258" s="3" t="s">
        <v>235</v>
      </c>
      <c r="H258" s="3" t="s">
        <v>64</v>
      </c>
      <c r="I258" s="3" t="s">
        <v>440</v>
      </c>
      <c r="J258" s="3" t="s">
        <v>851</v>
      </c>
      <c r="K258" s="3" t="s">
        <v>32</v>
      </c>
      <c r="L258" s="3" t="s">
        <v>33</v>
      </c>
      <c r="M258" s="3" t="s">
        <v>34</v>
      </c>
      <c r="N258" s="3" t="s">
        <v>72</v>
      </c>
      <c r="O258" s="3" t="s">
        <v>119</v>
      </c>
      <c r="P258" s="3" t="s">
        <v>37</v>
      </c>
      <c r="Q258" s="3" t="s">
        <v>73</v>
      </c>
      <c r="R258" s="3" t="s">
        <v>38</v>
      </c>
      <c r="S258" s="3" t="s">
        <v>852</v>
      </c>
      <c r="T258" s="3" t="s">
        <v>37</v>
      </c>
      <c r="U258" s="3" t="s">
        <v>37</v>
      </c>
      <c r="V258" s="3" t="s">
        <v>37</v>
      </c>
    </row>
    <row r="259" spans="1:22" x14ac:dyDescent="0.25">
      <c r="A259" s="3" t="s">
        <v>22</v>
      </c>
      <c r="B259" s="4" t="s">
        <v>813</v>
      </c>
      <c r="C259" s="3" t="s">
        <v>814</v>
      </c>
      <c r="D259" s="5" t="s">
        <v>447</v>
      </c>
      <c r="E259" s="3" t="s">
        <v>437</v>
      </c>
      <c r="F259" s="3" t="s">
        <v>853</v>
      </c>
      <c r="G259" s="3" t="s">
        <v>711</v>
      </c>
      <c r="H259" s="3" t="s">
        <v>64</v>
      </c>
      <c r="I259" s="3" t="s">
        <v>440</v>
      </c>
      <c r="J259" s="3" t="s">
        <v>854</v>
      </c>
      <c r="K259" s="3" t="s">
        <v>32</v>
      </c>
      <c r="L259" s="3" t="s">
        <v>33</v>
      </c>
      <c r="M259" s="3" t="s">
        <v>34</v>
      </c>
      <c r="N259" s="3" t="s">
        <v>72</v>
      </c>
      <c r="O259" s="3" t="s">
        <v>119</v>
      </c>
      <c r="P259" s="3" t="s">
        <v>37</v>
      </c>
      <c r="Q259" s="3" t="s">
        <v>73</v>
      </c>
      <c r="R259" s="3" t="s">
        <v>38</v>
      </c>
      <c r="S259" s="3" t="s">
        <v>855</v>
      </c>
      <c r="T259" s="3" t="s">
        <v>37</v>
      </c>
      <c r="U259" s="3" t="s">
        <v>37</v>
      </c>
      <c r="V259" s="3" t="s">
        <v>37</v>
      </c>
    </row>
    <row r="260" spans="1:22" x14ac:dyDescent="0.25">
      <c r="A260" s="3" t="s">
        <v>22</v>
      </c>
      <c r="B260" s="4" t="s">
        <v>813</v>
      </c>
      <c r="C260" s="3" t="s">
        <v>814</v>
      </c>
      <c r="D260" s="5" t="s">
        <v>451</v>
      </c>
      <c r="E260" s="3" t="s">
        <v>437</v>
      </c>
      <c r="F260" s="3" t="s">
        <v>856</v>
      </c>
      <c r="G260" s="3" t="s">
        <v>253</v>
      </c>
      <c r="H260" s="3" t="s">
        <v>64</v>
      </c>
      <c r="I260" s="3" t="s">
        <v>440</v>
      </c>
      <c r="J260" s="3" t="s">
        <v>857</v>
      </c>
      <c r="K260" s="3" t="s">
        <v>32</v>
      </c>
      <c r="L260" s="3" t="s">
        <v>33</v>
      </c>
      <c r="M260" s="3" t="s">
        <v>34</v>
      </c>
      <c r="N260" s="3" t="s">
        <v>72</v>
      </c>
      <c r="O260" s="3" t="s">
        <v>119</v>
      </c>
      <c r="P260" s="3" t="s">
        <v>37</v>
      </c>
      <c r="Q260" s="3" t="s">
        <v>73</v>
      </c>
      <c r="R260" s="3" t="s">
        <v>38</v>
      </c>
      <c r="S260" s="3" t="s">
        <v>858</v>
      </c>
      <c r="T260" s="3" t="s">
        <v>37</v>
      </c>
      <c r="U260" s="3" t="s">
        <v>37</v>
      </c>
      <c r="V260" s="3" t="s">
        <v>37</v>
      </c>
    </row>
    <row r="261" spans="1:22" x14ac:dyDescent="0.25">
      <c r="A261" s="3" t="s">
        <v>22</v>
      </c>
      <c r="B261" s="4" t="s">
        <v>813</v>
      </c>
      <c r="C261" s="3" t="s">
        <v>814</v>
      </c>
      <c r="D261" s="5" t="s">
        <v>455</v>
      </c>
      <c r="E261" s="3" t="s">
        <v>46</v>
      </c>
      <c r="F261" s="3" t="s">
        <v>859</v>
      </c>
      <c r="G261" s="3" t="s">
        <v>29</v>
      </c>
      <c r="H261" s="3" t="s">
        <v>64</v>
      </c>
      <c r="I261" s="3" t="s">
        <v>860</v>
      </c>
      <c r="J261" s="3" t="s">
        <v>861</v>
      </c>
      <c r="K261" s="3" t="s">
        <v>32</v>
      </c>
      <c r="L261" s="3" t="s">
        <v>33</v>
      </c>
      <c r="M261" s="3" t="s">
        <v>34</v>
      </c>
      <c r="N261" s="3" t="s">
        <v>35</v>
      </c>
      <c r="O261" s="3" t="s">
        <v>52</v>
      </c>
      <c r="P261" s="3" t="s">
        <v>53</v>
      </c>
      <c r="Q261" s="3" t="s">
        <v>73</v>
      </c>
      <c r="R261" s="3" t="s">
        <v>38</v>
      </c>
      <c r="S261" s="3" t="s">
        <v>862</v>
      </c>
      <c r="T261" s="3" t="s">
        <v>37</v>
      </c>
      <c r="U261" s="3" t="s">
        <v>37</v>
      </c>
      <c r="V261" s="3" t="s">
        <v>37</v>
      </c>
    </row>
    <row r="262" spans="1:22" x14ac:dyDescent="0.25">
      <c r="A262" s="3" t="s">
        <v>22</v>
      </c>
      <c r="B262" s="4" t="s">
        <v>813</v>
      </c>
      <c r="C262" s="3" t="s">
        <v>814</v>
      </c>
      <c r="D262" s="5" t="s">
        <v>319</v>
      </c>
      <c r="E262" s="3" t="s">
        <v>46</v>
      </c>
      <c r="F262" s="3" t="s">
        <v>863</v>
      </c>
      <c r="G262" s="3" t="s">
        <v>78</v>
      </c>
      <c r="H262" s="3" t="s">
        <v>64</v>
      </c>
      <c r="I262" s="3" t="s">
        <v>49</v>
      </c>
      <c r="J262" s="3" t="s">
        <v>864</v>
      </c>
      <c r="K262" s="3" t="s">
        <v>32</v>
      </c>
      <c r="L262" s="3" t="s">
        <v>33</v>
      </c>
      <c r="M262" s="3" t="s">
        <v>34</v>
      </c>
      <c r="N262" s="3" t="s">
        <v>35</v>
      </c>
      <c r="O262" s="3" t="s">
        <v>52</v>
      </c>
      <c r="P262" s="3" t="s">
        <v>53</v>
      </c>
      <c r="Q262" s="3" t="s">
        <v>73</v>
      </c>
      <c r="R262" s="3" t="s">
        <v>38</v>
      </c>
      <c r="S262" s="3" t="s">
        <v>865</v>
      </c>
      <c r="T262" s="3" t="s">
        <v>37</v>
      </c>
      <c r="U262" s="3" t="s">
        <v>37</v>
      </c>
      <c r="V262" s="3" t="s">
        <v>37</v>
      </c>
    </row>
    <row r="263" spans="1:22" x14ac:dyDescent="0.25">
      <c r="A263" s="3" t="s">
        <v>22</v>
      </c>
      <c r="B263" s="4" t="s">
        <v>813</v>
      </c>
      <c r="C263" s="3" t="s">
        <v>814</v>
      </c>
      <c r="D263" s="5" t="s">
        <v>131</v>
      </c>
      <c r="E263" s="3" t="s">
        <v>147</v>
      </c>
      <c r="F263" s="3" t="s">
        <v>866</v>
      </c>
      <c r="G263" s="3" t="s">
        <v>128</v>
      </c>
      <c r="H263" s="3" t="s">
        <v>29</v>
      </c>
      <c r="I263" s="3" t="s">
        <v>37</v>
      </c>
      <c r="J263" s="3" t="s">
        <v>867</v>
      </c>
      <c r="K263" s="3" t="s">
        <v>32</v>
      </c>
      <c r="L263" s="3" t="s">
        <v>33</v>
      </c>
      <c r="M263" s="3" t="s">
        <v>34</v>
      </c>
      <c r="N263" s="3" t="s">
        <v>80</v>
      </c>
      <c r="O263" s="3" t="s">
        <v>52</v>
      </c>
      <c r="P263" s="3" t="s">
        <v>37</v>
      </c>
      <c r="Q263" s="3" t="s">
        <v>37</v>
      </c>
      <c r="R263" s="3" t="s">
        <v>38</v>
      </c>
      <c r="S263" s="3" t="s">
        <v>868</v>
      </c>
      <c r="T263" s="3" t="s">
        <v>37</v>
      </c>
      <c r="U263" s="3" t="s">
        <v>37</v>
      </c>
      <c r="V263" s="3" t="s">
        <v>37</v>
      </c>
    </row>
    <row r="264" spans="1:22" x14ac:dyDescent="0.25">
      <c r="A264" s="3" t="s">
        <v>22</v>
      </c>
      <c r="B264" s="4" t="s">
        <v>813</v>
      </c>
      <c r="C264" s="3" t="s">
        <v>814</v>
      </c>
      <c r="D264" s="5" t="s">
        <v>459</v>
      </c>
      <c r="E264" s="3" t="s">
        <v>147</v>
      </c>
      <c r="F264" s="3" t="s">
        <v>869</v>
      </c>
      <c r="G264" s="3" t="s">
        <v>565</v>
      </c>
      <c r="H264" s="3" t="s">
        <v>64</v>
      </c>
      <c r="I264" s="3" t="s">
        <v>150</v>
      </c>
      <c r="J264" s="3" t="s">
        <v>870</v>
      </c>
      <c r="K264" s="3" t="s">
        <v>32</v>
      </c>
      <c r="L264" s="3" t="s">
        <v>33</v>
      </c>
      <c r="M264" s="3" t="s">
        <v>34</v>
      </c>
      <c r="N264" s="3" t="s">
        <v>137</v>
      </c>
      <c r="O264" s="3" t="s">
        <v>152</v>
      </c>
      <c r="P264" s="3" t="s">
        <v>37</v>
      </c>
      <c r="Q264" s="3" t="s">
        <v>37</v>
      </c>
      <c r="R264" s="3" t="s">
        <v>38</v>
      </c>
      <c r="S264" s="3" t="s">
        <v>871</v>
      </c>
      <c r="T264" s="3" t="s">
        <v>37</v>
      </c>
      <c r="U264" s="3" t="s">
        <v>37</v>
      </c>
      <c r="V264" s="3" t="s">
        <v>37</v>
      </c>
    </row>
    <row r="265" spans="1:22" x14ac:dyDescent="0.25">
      <c r="A265" s="3" t="s">
        <v>22</v>
      </c>
      <c r="B265" s="4" t="s">
        <v>813</v>
      </c>
      <c r="C265" s="3" t="s">
        <v>814</v>
      </c>
      <c r="D265" s="5" t="s">
        <v>145</v>
      </c>
      <c r="E265" s="3" t="s">
        <v>463</v>
      </c>
      <c r="F265" s="3" t="s">
        <v>872</v>
      </c>
      <c r="G265" s="3" t="s">
        <v>873</v>
      </c>
      <c r="H265" s="3" t="s">
        <v>78</v>
      </c>
      <c r="I265" s="3" t="s">
        <v>755</v>
      </c>
      <c r="J265" s="3" t="s">
        <v>874</v>
      </c>
      <c r="K265" s="3" t="s">
        <v>32</v>
      </c>
      <c r="L265" s="3" t="s">
        <v>33</v>
      </c>
      <c r="M265" s="3" t="s">
        <v>66</v>
      </c>
      <c r="N265" s="3" t="s">
        <v>468</v>
      </c>
      <c r="O265" s="3" t="s">
        <v>52</v>
      </c>
      <c r="P265" s="3" t="s">
        <v>37</v>
      </c>
      <c r="Q265" s="3" t="s">
        <v>37</v>
      </c>
      <c r="R265" s="3" t="s">
        <v>38</v>
      </c>
      <c r="S265" s="3" t="s">
        <v>875</v>
      </c>
      <c r="T265" s="3" t="s">
        <v>37</v>
      </c>
      <c r="U265" s="3" t="s">
        <v>37</v>
      </c>
      <c r="V265" s="3" t="s">
        <v>37</v>
      </c>
    </row>
    <row r="266" spans="1:22" x14ac:dyDescent="0.25">
      <c r="A266" s="3" t="s">
        <v>22</v>
      </c>
      <c r="B266" s="4" t="s">
        <v>813</v>
      </c>
      <c r="C266" s="3" t="s">
        <v>814</v>
      </c>
      <c r="D266" s="5" t="s">
        <v>154</v>
      </c>
      <c r="E266" s="3" t="s">
        <v>463</v>
      </c>
      <c r="F266" s="3" t="s">
        <v>876</v>
      </c>
      <c r="G266" s="3" t="s">
        <v>877</v>
      </c>
      <c r="H266" s="3" t="s">
        <v>78</v>
      </c>
      <c r="I266" s="3" t="s">
        <v>755</v>
      </c>
      <c r="J266" s="3" t="s">
        <v>878</v>
      </c>
      <c r="K266" s="3" t="s">
        <v>32</v>
      </c>
      <c r="L266" s="3" t="s">
        <v>33</v>
      </c>
      <c r="M266" s="3" t="s">
        <v>66</v>
      </c>
      <c r="N266" s="3" t="s">
        <v>468</v>
      </c>
      <c r="O266" s="3" t="s">
        <v>52</v>
      </c>
      <c r="P266" s="3" t="s">
        <v>37</v>
      </c>
      <c r="Q266" s="3" t="s">
        <v>37</v>
      </c>
      <c r="R266" s="3" t="s">
        <v>38</v>
      </c>
      <c r="S266" s="3" t="s">
        <v>879</v>
      </c>
      <c r="T266" s="3" t="s">
        <v>37</v>
      </c>
      <c r="U266" s="3" t="s">
        <v>37</v>
      </c>
      <c r="V266" s="3" t="s">
        <v>37</v>
      </c>
    </row>
    <row r="267" spans="1:22" x14ac:dyDescent="0.25">
      <c r="A267" s="3" t="s">
        <v>22</v>
      </c>
      <c r="B267" s="4" t="s">
        <v>813</v>
      </c>
      <c r="C267" s="3" t="s">
        <v>814</v>
      </c>
      <c r="D267" s="5" t="s">
        <v>164</v>
      </c>
      <c r="E267" s="3" t="s">
        <v>46</v>
      </c>
      <c r="F267" s="3" t="s">
        <v>880</v>
      </c>
      <c r="G267" s="3" t="s">
        <v>444</v>
      </c>
      <c r="H267" s="3" t="s">
        <v>64</v>
      </c>
      <c r="I267" s="3" t="s">
        <v>49</v>
      </c>
      <c r="J267" s="3" t="s">
        <v>881</v>
      </c>
      <c r="K267" s="3" t="s">
        <v>32</v>
      </c>
      <c r="L267" s="3" t="s">
        <v>33</v>
      </c>
      <c r="M267" s="3" t="s">
        <v>34</v>
      </c>
      <c r="N267" s="3" t="s">
        <v>35</v>
      </c>
      <c r="O267" s="3" t="s">
        <v>52</v>
      </c>
      <c r="P267" s="3" t="s">
        <v>53</v>
      </c>
      <c r="Q267" s="3" t="s">
        <v>73</v>
      </c>
      <c r="R267" s="3" t="s">
        <v>38</v>
      </c>
      <c r="S267" s="3" t="s">
        <v>882</v>
      </c>
      <c r="T267" s="3" t="s">
        <v>37</v>
      </c>
      <c r="U267" s="3" t="s">
        <v>37</v>
      </c>
      <c r="V267" s="3" t="s">
        <v>37</v>
      </c>
    </row>
    <row r="268" spans="1:22" x14ac:dyDescent="0.25">
      <c r="A268" s="3" t="s">
        <v>22</v>
      </c>
      <c r="B268" s="4" t="s">
        <v>813</v>
      </c>
      <c r="C268" s="3" t="s">
        <v>814</v>
      </c>
      <c r="D268" s="5" t="s">
        <v>170</v>
      </c>
      <c r="E268" s="3" t="s">
        <v>46</v>
      </c>
      <c r="F268" s="3" t="s">
        <v>883</v>
      </c>
      <c r="G268" s="3" t="s">
        <v>286</v>
      </c>
      <c r="H268" s="3" t="s">
        <v>64</v>
      </c>
      <c r="I268" s="3" t="s">
        <v>49</v>
      </c>
      <c r="J268" s="3" t="s">
        <v>884</v>
      </c>
      <c r="K268" s="3" t="s">
        <v>32</v>
      </c>
      <c r="L268" s="3" t="s">
        <v>33</v>
      </c>
      <c r="M268" s="3" t="s">
        <v>34</v>
      </c>
      <c r="N268" s="3" t="s">
        <v>35</v>
      </c>
      <c r="O268" s="3" t="s">
        <v>52</v>
      </c>
      <c r="P268" s="3" t="s">
        <v>53</v>
      </c>
      <c r="Q268" s="3" t="s">
        <v>73</v>
      </c>
      <c r="R268" s="3" t="s">
        <v>38</v>
      </c>
      <c r="S268" s="3" t="s">
        <v>885</v>
      </c>
      <c r="T268" s="3" t="s">
        <v>37</v>
      </c>
      <c r="U268" s="3" t="s">
        <v>37</v>
      </c>
      <c r="V268" s="3" t="s">
        <v>37</v>
      </c>
    </row>
    <row r="269" spans="1:22" x14ac:dyDescent="0.25">
      <c r="A269" s="3" t="s">
        <v>22</v>
      </c>
      <c r="B269" s="4" t="s">
        <v>813</v>
      </c>
      <c r="C269" s="3" t="s">
        <v>814</v>
      </c>
      <c r="D269" s="5" t="s">
        <v>175</v>
      </c>
      <c r="E269" s="3" t="s">
        <v>46</v>
      </c>
      <c r="F269" s="3" t="s">
        <v>181</v>
      </c>
      <c r="G269" s="3" t="s">
        <v>182</v>
      </c>
      <c r="H269" s="3" t="s">
        <v>64</v>
      </c>
      <c r="I269" s="3" t="s">
        <v>49</v>
      </c>
      <c r="J269" s="3" t="s">
        <v>183</v>
      </c>
      <c r="K269" s="3" t="s">
        <v>32</v>
      </c>
      <c r="L269" s="3" t="s">
        <v>33</v>
      </c>
      <c r="M269" s="3" t="s">
        <v>34</v>
      </c>
      <c r="N269" s="3" t="s">
        <v>35</v>
      </c>
      <c r="O269" s="3" t="s">
        <v>52</v>
      </c>
      <c r="P269" s="3" t="s">
        <v>37</v>
      </c>
      <c r="Q269" s="3" t="s">
        <v>37</v>
      </c>
      <c r="R269" s="3" t="s">
        <v>38</v>
      </c>
      <c r="S269" s="3" t="s">
        <v>184</v>
      </c>
      <c r="T269" s="3" t="s">
        <v>37</v>
      </c>
      <c r="U269" s="3" t="s">
        <v>37</v>
      </c>
      <c r="V269" s="3" t="s">
        <v>37</v>
      </c>
    </row>
    <row r="270" spans="1:22" x14ac:dyDescent="0.25">
      <c r="A270" s="3" t="s">
        <v>22</v>
      </c>
      <c r="B270" s="4" t="s">
        <v>813</v>
      </c>
      <c r="C270" s="3" t="s">
        <v>814</v>
      </c>
      <c r="D270" s="5" t="s">
        <v>180</v>
      </c>
      <c r="E270" s="3" t="s">
        <v>46</v>
      </c>
      <c r="F270" s="3" t="s">
        <v>886</v>
      </c>
      <c r="G270" s="3" t="s">
        <v>235</v>
      </c>
      <c r="H270" s="3" t="s">
        <v>64</v>
      </c>
      <c r="I270" s="3" t="s">
        <v>49</v>
      </c>
      <c r="J270" s="3" t="s">
        <v>887</v>
      </c>
      <c r="K270" s="3" t="s">
        <v>32</v>
      </c>
      <c r="L270" s="3" t="s">
        <v>33</v>
      </c>
      <c r="M270" s="3" t="s">
        <v>34</v>
      </c>
      <c r="N270" s="3" t="s">
        <v>35</v>
      </c>
      <c r="O270" s="3" t="s">
        <v>52</v>
      </c>
      <c r="P270" s="3" t="s">
        <v>53</v>
      </c>
      <c r="Q270" s="3" t="s">
        <v>73</v>
      </c>
      <c r="R270" s="3" t="s">
        <v>38</v>
      </c>
      <c r="S270" s="3" t="s">
        <v>888</v>
      </c>
      <c r="T270" s="3" t="s">
        <v>37</v>
      </c>
      <c r="U270" s="3" t="s">
        <v>37</v>
      </c>
      <c r="V270" s="3" t="s">
        <v>37</v>
      </c>
    </row>
    <row r="271" spans="1:22" x14ac:dyDescent="0.25">
      <c r="A271" s="3" t="s">
        <v>22</v>
      </c>
      <c r="B271" s="4" t="s">
        <v>813</v>
      </c>
      <c r="C271" s="3" t="s">
        <v>814</v>
      </c>
      <c r="D271" s="5" t="s">
        <v>185</v>
      </c>
      <c r="E271" s="3" t="s">
        <v>239</v>
      </c>
      <c r="F271" s="3" t="s">
        <v>245</v>
      </c>
      <c r="G271" s="3" t="s">
        <v>568</v>
      </c>
      <c r="H271" s="3" t="s">
        <v>64</v>
      </c>
      <c r="I271" s="3" t="s">
        <v>37</v>
      </c>
      <c r="J271" s="3" t="s">
        <v>246</v>
      </c>
      <c r="K271" s="3" t="s">
        <v>32</v>
      </c>
      <c r="L271" s="3" t="s">
        <v>101</v>
      </c>
      <c r="M271" s="3" t="s">
        <v>66</v>
      </c>
      <c r="N271" s="3" t="s">
        <v>80</v>
      </c>
      <c r="O271" s="3" t="s">
        <v>242</v>
      </c>
      <c r="P271" s="3" t="s">
        <v>37</v>
      </c>
      <c r="Q271" s="3" t="s">
        <v>37</v>
      </c>
      <c r="R271" s="3" t="s">
        <v>38</v>
      </c>
      <c r="S271" s="3" t="s">
        <v>889</v>
      </c>
      <c r="T271" s="3" t="s">
        <v>121</v>
      </c>
      <c r="U271" s="3" t="s">
        <v>37</v>
      </c>
      <c r="V271" s="3" t="s">
        <v>37</v>
      </c>
    </row>
    <row r="272" spans="1:22" x14ac:dyDescent="0.25">
      <c r="A272" s="3" t="s">
        <v>22</v>
      </c>
      <c r="B272" s="4" t="s">
        <v>813</v>
      </c>
      <c r="C272" s="3" t="s">
        <v>814</v>
      </c>
      <c r="D272" s="5" t="s">
        <v>190</v>
      </c>
      <c r="E272" s="3" t="s">
        <v>239</v>
      </c>
      <c r="F272" s="3" t="s">
        <v>245</v>
      </c>
      <c r="G272" s="3" t="s">
        <v>344</v>
      </c>
      <c r="H272" s="3" t="s">
        <v>64</v>
      </c>
      <c r="I272" s="3" t="s">
        <v>37</v>
      </c>
      <c r="J272" s="3" t="s">
        <v>246</v>
      </c>
      <c r="K272" s="3" t="s">
        <v>32</v>
      </c>
      <c r="L272" s="3" t="s">
        <v>101</v>
      </c>
      <c r="M272" s="3" t="s">
        <v>66</v>
      </c>
      <c r="N272" s="3" t="s">
        <v>80</v>
      </c>
      <c r="O272" s="3" t="s">
        <v>890</v>
      </c>
      <c r="P272" s="3" t="s">
        <v>37</v>
      </c>
      <c r="Q272" s="3" t="s">
        <v>37</v>
      </c>
      <c r="R272" s="3" t="s">
        <v>38</v>
      </c>
      <c r="S272" s="3" t="s">
        <v>891</v>
      </c>
      <c r="T272" s="3" t="s">
        <v>121</v>
      </c>
      <c r="U272" s="3" t="s">
        <v>37</v>
      </c>
      <c r="V272" s="3" t="s">
        <v>37</v>
      </c>
    </row>
    <row r="273" spans="1:22" x14ac:dyDescent="0.25">
      <c r="A273" s="3" t="s">
        <v>22</v>
      </c>
      <c r="B273" s="4" t="s">
        <v>813</v>
      </c>
      <c r="C273" s="3" t="s">
        <v>814</v>
      </c>
      <c r="D273" s="5" t="s">
        <v>195</v>
      </c>
      <c r="E273" s="3" t="s">
        <v>239</v>
      </c>
      <c r="F273" s="3" t="s">
        <v>245</v>
      </c>
      <c r="G273" s="3" t="s">
        <v>340</v>
      </c>
      <c r="H273" s="3" t="s">
        <v>64</v>
      </c>
      <c r="I273" s="3" t="s">
        <v>37</v>
      </c>
      <c r="J273" s="3" t="s">
        <v>246</v>
      </c>
      <c r="K273" s="3" t="s">
        <v>32</v>
      </c>
      <c r="L273" s="3" t="s">
        <v>101</v>
      </c>
      <c r="M273" s="3" t="s">
        <v>66</v>
      </c>
      <c r="N273" s="3" t="s">
        <v>80</v>
      </c>
      <c r="O273" s="3" t="s">
        <v>36</v>
      </c>
      <c r="P273" s="3" t="s">
        <v>37</v>
      </c>
      <c r="Q273" s="3" t="s">
        <v>37</v>
      </c>
      <c r="R273" s="3" t="s">
        <v>38</v>
      </c>
      <c r="S273" s="3" t="s">
        <v>892</v>
      </c>
      <c r="T273" s="3" t="s">
        <v>121</v>
      </c>
      <c r="U273" s="3" t="s">
        <v>37</v>
      </c>
      <c r="V273" s="3" t="s">
        <v>37</v>
      </c>
    </row>
    <row r="274" spans="1:22" x14ac:dyDescent="0.25">
      <c r="A274" s="3" t="s">
        <v>22</v>
      </c>
      <c r="B274" s="4" t="s">
        <v>813</v>
      </c>
      <c r="C274" s="3" t="s">
        <v>814</v>
      </c>
      <c r="D274" s="5" t="s">
        <v>200</v>
      </c>
      <c r="E274" s="3" t="s">
        <v>46</v>
      </c>
      <c r="F274" s="3" t="s">
        <v>474</v>
      </c>
      <c r="G274" s="3" t="s">
        <v>333</v>
      </c>
      <c r="H274" s="3" t="s">
        <v>29</v>
      </c>
      <c r="I274" s="3" t="s">
        <v>49</v>
      </c>
      <c r="J274" s="3" t="s">
        <v>475</v>
      </c>
      <c r="K274" s="3" t="s">
        <v>32</v>
      </c>
      <c r="L274" s="3" t="s">
        <v>33</v>
      </c>
      <c r="M274" s="3" t="s">
        <v>34</v>
      </c>
      <c r="N274" s="3" t="s">
        <v>51</v>
      </c>
      <c r="O274" s="3" t="s">
        <v>52</v>
      </c>
      <c r="P274" s="3" t="s">
        <v>53</v>
      </c>
      <c r="Q274" s="3" t="s">
        <v>37</v>
      </c>
      <c r="R274" s="3" t="s">
        <v>38</v>
      </c>
      <c r="S274" s="3" t="s">
        <v>476</v>
      </c>
      <c r="T274" s="3" t="s">
        <v>37</v>
      </c>
      <c r="U274" s="3" t="s">
        <v>37</v>
      </c>
      <c r="V274" s="3" t="s">
        <v>37</v>
      </c>
    </row>
    <row r="275" spans="1:22" x14ac:dyDescent="0.25">
      <c r="A275" s="3" t="s">
        <v>22</v>
      </c>
      <c r="B275" s="4" t="s">
        <v>813</v>
      </c>
      <c r="C275" s="3" t="s">
        <v>814</v>
      </c>
      <c r="D275" s="5" t="s">
        <v>205</v>
      </c>
      <c r="E275" s="3" t="s">
        <v>46</v>
      </c>
      <c r="F275" s="3" t="s">
        <v>339</v>
      </c>
      <c r="G275" s="3" t="s">
        <v>340</v>
      </c>
      <c r="H275" s="3" t="s">
        <v>64</v>
      </c>
      <c r="I275" s="3" t="s">
        <v>49</v>
      </c>
      <c r="J275" s="3" t="s">
        <v>341</v>
      </c>
      <c r="K275" s="3" t="s">
        <v>32</v>
      </c>
      <c r="L275" s="3" t="s">
        <v>33</v>
      </c>
      <c r="M275" s="3" t="s">
        <v>34</v>
      </c>
      <c r="N275" s="3" t="s">
        <v>35</v>
      </c>
      <c r="O275" s="3" t="s">
        <v>52</v>
      </c>
      <c r="P275" s="3" t="s">
        <v>53</v>
      </c>
      <c r="Q275" s="3" t="s">
        <v>73</v>
      </c>
      <c r="R275" s="3" t="s">
        <v>38</v>
      </c>
      <c r="S275" s="3" t="s">
        <v>342</v>
      </c>
      <c r="T275" s="3" t="s">
        <v>37</v>
      </c>
      <c r="U275" s="3" t="s">
        <v>37</v>
      </c>
      <c r="V275" s="3" t="s">
        <v>37</v>
      </c>
    </row>
    <row r="276" spans="1:22" x14ac:dyDescent="0.25">
      <c r="A276" s="3" t="s">
        <v>22</v>
      </c>
      <c r="B276" s="4" t="s">
        <v>813</v>
      </c>
      <c r="C276" s="3" t="s">
        <v>814</v>
      </c>
      <c r="D276" s="5" t="s">
        <v>489</v>
      </c>
      <c r="E276" s="3" t="s">
        <v>46</v>
      </c>
      <c r="F276" s="3" t="s">
        <v>893</v>
      </c>
      <c r="G276" s="3" t="s">
        <v>704</v>
      </c>
      <c r="H276" s="3" t="s">
        <v>64</v>
      </c>
      <c r="I276" s="3" t="s">
        <v>49</v>
      </c>
      <c r="J276" s="3" t="s">
        <v>894</v>
      </c>
      <c r="K276" s="3" t="s">
        <v>32</v>
      </c>
      <c r="L276" s="3" t="s">
        <v>33</v>
      </c>
      <c r="M276" s="3" t="s">
        <v>34</v>
      </c>
      <c r="N276" s="3" t="s">
        <v>35</v>
      </c>
      <c r="O276" s="3" t="s">
        <v>52</v>
      </c>
      <c r="P276" s="3" t="s">
        <v>53</v>
      </c>
      <c r="Q276" s="3" t="s">
        <v>73</v>
      </c>
      <c r="R276" s="3" t="s">
        <v>38</v>
      </c>
      <c r="S276" s="3" t="s">
        <v>895</v>
      </c>
      <c r="T276" s="3" t="s">
        <v>37</v>
      </c>
      <c r="U276" s="3" t="s">
        <v>37</v>
      </c>
      <c r="V276" s="3" t="s">
        <v>37</v>
      </c>
    </row>
    <row r="277" spans="1:22" x14ac:dyDescent="0.25">
      <c r="A277" s="3" t="s">
        <v>22</v>
      </c>
      <c r="B277" s="4" t="s">
        <v>813</v>
      </c>
      <c r="C277" s="3" t="s">
        <v>814</v>
      </c>
      <c r="D277" s="5" t="s">
        <v>496</v>
      </c>
      <c r="E277" s="3" t="s">
        <v>46</v>
      </c>
      <c r="F277" s="3" t="s">
        <v>896</v>
      </c>
      <c r="G277" s="3" t="s">
        <v>291</v>
      </c>
      <c r="H277" s="3" t="s">
        <v>64</v>
      </c>
      <c r="I277" s="3" t="s">
        <v>49</v>
      </c>
      <c r="J277" s="3" t="s">
        <v>897</v>
      </c>
      <c r="K277" s="3" t="s">
        <v>32</v>
      </c>
      <c r="L277" s="3" t="s">
        <v>33</v>
      </c>
      <c r="M277" s="3" t="s">
        <v>34</v>
      </c>
      <c r="N277" s="3" t="s">
        <v>35</v>
      </c>
      <c r="O277" s="3" t="s">
        <v>52</v>
      </c>
      <c r="P277" s="3" t="s">
        <v>53</v>
      </c>
      <c r="Q277" s="3" t="s">
        <v>73</v>
      </c>
      <c r="R277" s="3" t="s">
        <v>38</v>
      </c>
      <c r="S277" s="3" t="s">
        <v>898</v>
      </c>
      <c r="T277" s="3" t="s">
        <v>37</v>
      </c>
      <c r="U277" s="3" t="s">
        <v>37</v>
      </c>
      <c r="V277" s="3" t="s">
        <v>37</v>
      </c>
    </row>
    <row r="278" spans="1:22" x14ac:dyDescent="0.25">
      <c r="A278" s="3" t="s">
        <v>22</v>
      </c>
      <c r="B278" s="4" t="s">
        <v>813</v>
      </c>
      <c r="C278" s="3" t="s">
        <v>814</v>
      </c>
      <c r="D278" s="5" t="s">
        <v>219</v>
      </c>
      <c r="E278" s="3" t="s">
        <v>501</v>
      </c>
      <c r="F278" s="3" t="s">
        <v>899</v>
      </c>
      <c r="G278" s="3" t="s">
        <v>900</v>
      </c>
      <c r="H278" s="3" t="s">
        <v>225</v>
      </c>
      <c r="I278" s="3" t="s">
        <v>37</v>
      </c>
      <c r="J278" s="3" t="s">
        <v>901</v>
      </c>
      <c r="K278" s="3" t="s">
        <v>32</v>
      </c>
      <c r="L278" s="3" t="s">
        <v>101</v>
      </c>
      <c r="M278" s="3" t="s">
        <v>66</v>
      </c>
      <c r="N278" s="3" t="s">
        <v>67</v>
      </c>
      <c r="O278" s="3" t="s">
        <v>86</v>
      </c>
      <c r="P278" s="3" t="s">
        <v>53</v>
      </c>
      <c r="Q278" s="3" t="s">
        <v>37</v>
      </c>
      <c r="R278" s="3" t="s">
        <v>38</v>
      </c>
      <c r="S278" s="3" t="s">
        <v>902</v>
      </c>
      <c r="T278" s="3" t="s">
        <v>37</v>
      </c>
      <c r="U278" s="3" t="s">
        <v>37</v>
      </c>
      <c r="V278" s="3" t="s">
        <v>37</v>
      </c>
    </row>
    <row r="279" spans="1:22" x14ac:dyDescent="0.25">
      <c r="A279" s="3" t="s">
        <v>22</v>
      </c>
      <c r="B279" s="4" t="s">
        <v>813</v>
      </c>
      <c r="C279" s="3" t="s">
        <v>814</v>
      </c>
      <c r="D279" s="5" t="s">
        <v>223</v>
      </c>
      <c r="E279" s="3" t="s">
        <v>501</v>
      </c>
      <c r="F279" s="3" t="s">
        <v>903</v>
      </c>
      <c r="G279" s="3" t="s">
        <v>904</v>
      </c>
      <c r="H279" s="3" t="s">
        <v>225</v>
      </c>
      <c r="I279" s="3" t="s">
        <v>37</v>
      </c>
      <c r="J279" s="3" t="s">
        <v>905</v>
      </c>
      <c r="K279" s="3" t="s">
        <v>32</v>
      </c>
      <c r="L279" s="3" t="s">
        <v>101</v>
      </c>
      <c r="M279" s="3" t="s">
        <v>66</v>
      </c>
      <c r="N279" s="3" t="s">
        <v>67</v>
      </c>
      <c r="O279" s="3" t="s">
        <v>36</v>
      </c>
      <c r="P279" s="3" t="s">
        <v>53</v>
      </c>
      <c r="Q279" s="3" t="s">
        <v>37</v>
      </c>
      <c r="R279" s="3" t="s">
        <v>38</v>
      </c>
      <c r="S279" s="3" t="s">
        <v>906</v>
      </c>
      <c r="T279" s="3" t="s">
        <v>37</v>
      </c>
      <c r="U279" s="3" t="s">
        <v>37</v>
      </c>
      <c r="V279" s="3" t="s">
        <v>37</v>
      </c>
    </row>
    <row r="280" spans="1:22" x14ac:dyDescent="0.25">
      <c r="A280" s="3" t="s">
        <v>22</v>
      </c>
      <c r="B280" s="4" t="s">
        <v>813</v>
      </c>
      <c r="C280" s="3" t="s">
        <v>814</v>
      </c>
      <c r="D280" s="5" t="s">
        <v>228</v>
      </c>
      <c r="E280" s="3" t="s">
        <v>186</v>
      </c>
      <c r="F280" s="3" t="s">
        <v>187</v>
      </c>
      <c r="G280" s="3" t="s">
        <v>166</v>
      </c>
      <c r="H280" s="3" t="s">
        <v>29</v>
      </c>
      <c r="I280" s="3" t="s">
        <v>37</v>
      </c>
      <c r="J280" s="3" t="s">
        <v>188</v>
      </c>
      <c r="K280" s="3" t="s">
        <v>32</v>
      </c>
      <c r="L280" s="3" t="s">
        <v>101</v>
      </c>
      <c r="M280" s="3" t="s">
        <v>66</v>
      </c>
      <c r="N280" s="3" t="s">
        <v>80</v>
      </c>
      <c r="O280" s="3" t="s">
        <v>242</v>
      </c>
      <c r="P280" s="3" t="s">
        <v>53</v>
      </c>
      <c r="Q280" s="3" t="s">
        <v>37</v>
      </c>
      <c r="R280" s="3" t="s">
        <v>38</v>
      </c>
      <c r="S280" s="3" t="s">
        <v>189</v>
      </c>
      <c r="T280" s="3" t="s">
        <v>37</v>
      </c>
      <c r="U280" s="3" t="s">
        <v>37</v>
      </c>
      <c r="V280" s="3" t="s">
        <v>37</v>
      </c>
    </row>
    <row r="281" spans="1:22" x14ac:dyDescent="0.25">
      <c r="A281" s="3" t="s">
        <v>22</v>
      </c>
      <c r="B281" s="4" t="s">
        <v>813</v>
      </c>
      <c r="C281" s="3" t="s">
        <v>814</v>
      </c>
      <c r="D281" s="5" t="s">
        <v>233</v>
      </c>
      <c r="E281" s="3" t="s">
        <v>186</v>
      </c>
      <c r="F281" s="3" t="s">
        <v>191</v>
      </c>
      <c r="G281" s="3" t="s">
        <v>192</v>
      </c>
      <c r="H281" s="3" t="s">
        <v>29</v>
      </c>
      <c r="I281" s="3" t="s">
        <v>37</v>
      </c>
      <c r="J281" s="3" t="s">
        <v>193</v>
      </c>
      <c r="K281" s="3" t="s">
        <v>32</v>
      </c>
      <c r="L281" s="3" t="s">
        <v>101</v>
      </c>
      <c r="M281" s="3" t="s">
        <v>66</v>
      </c>
      <c r="N281" s="3" t="s">
        <v>80</v>
      </c>
      <c r="O281" s="3" t="s">
        <v>242</v>
      </c>
      <c r="P281" s="3" t="s">
        <v>53</v>
      </c>
      <c r="Q281" s="3" t="s">
        <v>37</v>
      </c>
      <c r="R281" s="3" t="s">
        <v>38</v>
      </c>
      <c r="S281" s="3" t="s">
        <v>194</v>
      </c>
      <c r="T281" s="3" t="s">
        <v>37</v>
      </c>
      <c r="U281" s="3" t="s">
        <v>37</v>
      </c>
      <c r="V281" s="3" t="s">
        <v>37</v>
      </c>
    </row>
    <row r="282" spans="1:22" x14ac:dyDescent="0.25">
      <c r="A282" s="3" t="s">
        <v>22</v>
      </c>
      <c r="B282" s="4" t="s">
        <v>813</v>
      </c>
      <c r="C282" s="3" t="s">
        <v>814</v>
      </c>
      <c r="D282" s="5" t="s">
        <v>238</v>
      </c>
      <c r="E282" s="3" t="s">
        <v>510</v>
      </c>
      <c r="F282" s="3" t="s">
        <v>907</v>
      </c>
      <c r="G282" s="3" t="s">
        <v>908</v>
      </c>
      <c r="H282" s="3" t="s">
        <v>64</v>
      </c>
      <c r="I282" s="3" t="s">
        <v>909</v>
      </c>
      <c r="J282" s="3" t="s">
        <v>910</v>
      </c>
      <c r="K282" s="3" t="s">
        <v>32</v>
      </c>
      <c r="L282" s="3" t="s">
        <v>101</v>
      </c>
      <c r="M282" s="3" t="s">
        <v>515</v>
      </c>
      <c r="N282" s="3" t="s">
        <v>516</v>
      </c>
      <c r="O282" s="3" t="s">
        <v>911</v>
      </c>
      <c r="P282" s="3" t="s">
        <v>53</v>
      </c>
      <c r="Q282" s="3" t="s">
        <v>73</v>
      </c>
      <c r="R282" s="3" t="s">
        <v>38</v>
      </c>
      <c r="S282" s="3" t="s">
        <v>912</v>
      </c>
      <c r="T282" s="3" t="s">
        <v>37</v>
      </c>
      <c r="U282" s="3" t="s">
        <v>37</v>
      </c>
      <c r="V282" s="3" t="s">
        <v>37</v>
      </c>
    </row>
    <row r="283" spans="1:22" x14ac:dyDescent="0.25">
      <c r="A283" s="3"/>
      <c r="B283" s="4"/>
      <c r="C283" s="3"/>
      <c r="D283" s="5"/>
      <c r="E283" s="6" t="s">
        <v>248</v>
      </c>
      <c r="F283" s="3"/>
      <c r="G283" s="3"/>
      <c r="H283" s="3"/>
      <c r="I283" s="3"/>
      <c r="J283" s="3"/>
      <c r="K283" s="3"/>
      <c r="L283" s="3"/>
      <c r="M283" s="3"/>
      <c r="N283" s="3"/>
      <c r="O283" s="3"/>
      <c r="P283" s="3"/>
      <c r="Q283" s="3"/>
      <c r="R283" s="3"/>
      <c r="S283" s="3"/>
      <c r="T283" s="3"/>
      <c r="U283" s="3"/>
      <c r="V283" s="3"/>
    </row>
    <row r="284" spans="1:22" x14ac:dyDescent="0.25">
      <c r="A284" s="3"/>
      <c r="B284" s="4"/>
      <c r="C284" s="3"/>
      <c r="D284" s="5"/>
      <c r="E284" s="3"/>
      <c r="F284" s="3"/>
      <c r="G284" s="3"/>
      <c r="H284" s="3"/>
      <c r="I284" s="3"/>
      <c r="J284" s="3"/>
      <c r="K284" s="3"/>
      <c r="L284" s="3"/>
      <c r="M284" s="3"/>
      <c r="N284" s="3"/>
      <c r="O284" s="3"/>
      <c r="P284" s="3"/>
      <c r="Q284" s="3"/>
      <c r="R284" s="3"/>
      <c r="S284" s="3"/>
      <c r="T284" s="3"/>
      <c r="U284" s="3"/>
      <c r="V284" s="3"/>
    </row>
  </sheetData>
  <pageMargins left="0.7" right="0.7" top="0.75" bottom="0.75" header="0.3" footer="0.3"/>
  <pageSetup orientation="portrait" r:id="rId1"/>
  <tableParts count="1">
    <tablePart r:id="rId2"/>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371"/>
  <sheetViews>
    <sheetView tabSelected="1" topLeftCell="K1" workbookViewId="0">
      <selection activeCell="W28" sqref="W28"/>
    </sheetView>
  </sheetViews>
  <sheetFormatPr defaultRowHeight="15" x14ac:dyDescent="0.25"/>
  <cols>
    <col min="1" max="1" width="15.5703125" customWidth="1"/>
    <col min="2" max="2" width="12.42578125" customWidth="1"/>
    <col min="3" max="3" width="11.28515625" customWidth="1"/>
    <col min="4" max="4" width="13.42578125" customWidth="1"/>
    <col min="5" max="5" width="56.85546875" customWidth="1"/>
    <col min="6" max="6" width="51.85546875" customWidth="1"/>
    <col min="7" max="8" width="13.140625" customWidth="1"/>
    <col min="9" max="10" width="93.42578125" customWidth="1"/>
    <col min="11" max="12" width="25.42578125" customWidth="1"/>
    <col min="13" max="14" width="19.28515625" customWidth="1"/>
    <col min="15" max="15" width="16.28515625" customWidth="1"/>
    <col min="16" max="17" width="18.28515625" customWidth="1"/>
    <col min="18" max="18" width="19.7109375" customWidth="1"/>
    <col min="19" max="19" width="20.28515625" customWidth="1"/>
    <col min="20" max="21" width="15.140625" customWidth="1"/>
    <col min="22" max="22" width="17.140625" customWidth="1"/>
  </cols>
  <sheetData>
    <row r="1" spans="1:22" x14ac:dyDescent="0.25">
      <c r="A1" s="2" t="s">
        <v>0</v>
      </c>
      <c r="B1" s="2" t="s">
        <v>1</v>
      </c>
      <c r="C1" s="2" t="s">
        <v>2</v>
      </c>
      <c r="D1" s="2" t="s">
        <v>3</v>
      </c>
      <c r="E1" s="2" t="s">
        <v>4</v>
      </c>
      <c r="F1" s="2" t="s">
        <v>5</v>
      </c>
      <c r="G1" s="2" t="s">
        <v>6</v>
      </c>
      <c r="H1" s="2" t="s">
        <v>7</v>
      </c>
      <c r="I1" s="2" t="s">
        <v>8</v>
      </c>
      <c r="J1" s="2" t="s">
        <v>9</v>
      </c>
      <c r="K1" s="2" t="s">
        <v>10</v>
      </c>
      <c r="L1" s="2" t="s">
        <v>11</v>
      </c>
      <c r="M1" s="2" t="s">
        <v>12</v>
      </c>
      <c r="N1" s="2" t="s">
        <v>13</v>
      </c>
      <c r="O1" s="2" t="s">
        <v>14</v>
      </c>
      <c r="P1" s="2" t="s">
        <v>15</v>
      </c>
      <c r="Q1" s="2" t="s">
        <v>16</v>
      </c>
      <c r="R1" s="2" t="s">
        <v>17</v>
      </c>
      <c r="S1" s="2" t="s">
        <v>18</v>
      </c>
      <c r="T1" s="2" t="s">
        <v>19</v>
      </c>
      <c r="U1" s="2" t="s">
        <v>20</v>
      </c>
      <c r="V1" s="2" t="s">
        <v>21</v>
      </c>
    </row>
    <row r="2" spans="1:22" x14ac:dyDescent="0.25">
      <c r="A2" s="3" t="s">
        <v>913</v>
      </c>
      <c r="B2" s="4" t="s">
        <v>23</v>
      </c>
      <c r="C2" s="3" t="s">
        <v>24</v>
      </c>
      <c r="D2" s="5" t="s">
        <v>25</v>
      </c>
      <c r="E2" s="3" t="s">
        <v>914</v>
      </c>
      <c r="F2" s="3" t="s">
        <v>915</v>
      </c>
      <c r="G2" s="3" t="s">
        <v>172</v>
      </c>
      <c r="H2" s="3" t="s">
        <v>29</v>
      </c>
      <c r="I2" s="3" t="s">
        <v>916</v>
      </c>
      <c r="J2" s="3" t="s">
        <v>917</v>
      </c>
      <c r="K2" s="3" t="s">
        <v>32</v>
      </c>
      <c r="L2" s="3" t="s">
        <v>33</v>
      </c>
      <c r="M2" s="3" t="s">
        <v>66</v>
      </c>
      <c r="N2" s="3" t="s">
        <v>918</v>
      </c>
      <c r="O2" s="3" t="s">
        <v>86</v>
      </c>
      <c r="P2" s="3" t="s">
        <v>37</v>
      </c>
      <c r="Q2" s="3" t="s">
        <v>37</v>
      </c>
      <c r="R2" s="3" t="s">
        <v>38</v>
      </c>
      <c r="S2" s="3" t="s">
        <v>919</v>
      </c>
      <c r="T2" s="3" t="s">
        <v>37</v>
      </c>
      <c r="U2" s="3" t="s">
        <v>37</v>
      </c>
      <c r="V2" s="3" t="s">
        <v>37</v>
      </c>
    </row>
    <row r="3" spans="1:22" x14ac:dyDescent="0.25">
      <c r="A3" s="3" t="s">
        <v>913</v>
      </c>
      <c r="B3" s="4" t="s">
        <v>23</v>
      </c>
      <c r="C3" s="3" t="s">
        <v>24</v>
      </c>
      <c r="D3" s="5" t="s">
        <v>920</v>
      </c>
      <c r="E3" s="3" t="s">
        <v>914</v>
      </c>
      <c r="F3" s="3" t="s">
        <v>921</v>
      </c>
      <c r="G3" s="3" t="s">
        <v>192</v>
      </c>
      <c r="H3" s="3" t="s">
        <v>29</v>
      </c>
      <c r="I3" s="3" t="s">
        <v>922</v>
      </c>
      <c r="J3" s="3" t="s">
        <v>923</v>
      </c>
      <c r="K3" s="3" t="s">
        <v>32</v>
      </c>
      <c r="L3" s="3" t="s">
        <v>33</v>
      </c>
      <c r="M3" s="3" t="s">
        <v>66</v>
      </c>
      <c r="N3" s="3" t="s">
        <v>918</v>
      </c>
      <c r="O3" s="3" t="s">
        <v>86</v>
      </c>
      <c r="P3" s="3" t="s">
        <v>37</v>
      </c>
      <c r="Q3" s="3" t="s">
        <v>37</v>
      </c>
      <c r="R3" s="3" t="s">
        <v>38</v>
      </c>
      <c r="S3" s="3" t="s">
        <v>924</v>
      </c>
      <c r="T3" s="3" t="s">
        <v>37</v>
      </c>
      <c r="U3" s="3" t="s">
        <v>37</v>
      </c>
      <c r="V3" s="3" t="s">
        <v>37</v>
      </c>
    </row>
    <row r="4" spans="1:22" x14ac:dyDescent="0.25">
      <c r="A4" s="3" t="s">
        <v>913</v>
      </c>
      <c r="B4" s="4" t="s">
        <v>23</v>
      </c>
      <c r="C4" s="3" t="s">
        <v>24</v>
      </c>
      <c r="D4" s="5" t="s">
        <v>45</v>
      </c>
      <c r="E4" s="3" t="s">
        <v>925</v>
      </c>
      <c r="F4" s="3" t="s">
        <v>926</v>
      </c>
      <c r="G4" s="3" t="s">
        <v>90</v>
      </c>
      <c r="H4" s="3" t="s">
        <v>64</v>
      </c>
      <c r="I4" s="3" t="s">
        <v>927</v>
      </c>
      <c r="J4" s="3" t="s">
        <v>928</v>
      </c>
      <c r="K4" s="3" t="s">
        <v>32</v>
      </c>
      <c r="L4" s="3" t="s">
        <v>33</v>
      </c>
      <c r="M4" s="3" t="s">
        <v>34</v>
      </c>
      <c r="N4" s="3" t="s">
        <v>67</v>
      </c>
      <c r="O4" s="3" t="s">
        <v>52</v>
      </c>
      <c r="P4" s="3" t="s">
        <v>37</v>
      </c>
      <c r="Q4" s="3" t="s">
        <v>37</v>
      </c>
      <c r="R4" s="3" t="s">
        <v>38</v>
      </c>
      <c r="S4" s="3" t="s">
        <v>929</v>
      </c>
      <c r="T4" s="3" t="s">
        <v>37</v>
      </c>
      <c r="U4" s="3" t="s">
        <v>37</v>
      </c>
      <c r="V4" s="3" t="s">
        <v>37</v>
      </c>
    </row>
    <row r="5" spans="1:22" x14ac:dyDescent="0.25">
      <c r="A5" s="3" t="s">
        <v>913</v>
      </c>
      <c r="B5" s="4" t="s">
        <v>23</v>
      </c>
      <c r="C5" s="3" t="s">
        <v>24</v>
      </c>
      <c r="D5" s="5" t="s">
        <v>930</v>
      </c>
      <c r="E5" s="3" t="s">
        <v>931</v>
      </c>
      <c r="F5" s="3" t="s">
        <v>932</v>
      </c>
      <c r="G5" s="3" t="s">
        <v>142</v>
      </c>
      <c r="H5" s="3" t="s">
        <v>64</v>
      </c>
      <c r="I5" s="3" t="s">
        <v>37</v>
      </c>
      <c r="J5" s="3" t="s">
        <v>933</v>
      </c>
      <c r="K5" s="3" t="s">
        <v>32</v>
      </c>
      <c r="L5" s="3" t="s">
        <v>33</v>
      </c>
      <c r="M5" s="3" t="s">
        <v>66</v>
      </c>
      <c r="N5" s="3" t="s">
        <v>67</v>
      </c>
      <c r="O5" s="3" t="s">
        <v>52</v>
      </c>
      <c r="P5" s="3" t="s">
        <v>37</v>
      </c>
      <c r="Q5" s="3" t="s">
        <v>37</v>
      </c>
      <c r="R5" s="3" t="s">
        <v>38</v>
      </c>
      <c r="S5" s="3" t="s">
        <v>934</v>
      </c>
      <c r="T5" s="3" t="s">
        <v>37</v>
      </c>
      <c r="U5" s="3" t="s">
        <v>37</v>
      </c>
      <c r="V5" s="3" t="s">
        <v>37</v>
      </c>
    </row>
    <row r="6" spans="1:22" x14ac:dyDescent="0.25">
      <c r="A6" s="3" t="s">
        <v>913</v>
      </c>
      <c r="B6" s="4" t="s">
        <v>23</v>
      </c>
      <c r="C6" s="3" t="s">
        <v>24</v>
      </c>
      <c r="D6" s="5" t="s">
        <v>935</v>
      </c>
      <c r="E6" s="3" t="s">
        <v>936</v>
      </c>
      <c r="F6" s="3" t="s">
        <v>937</v>
      </c>
      <c r="G6" s="3" t="s">
        <v>704</v>
      </c>
      <c r="H6" s="3" t="s">
        <v>64</v>
      </c>
      <c r="I6" s="3" t="s">
        <v>938</v>
      </c>
      <c r="J6" s="3" t="s">
        <v>939</v>
      </c>
      <c r="K6" s="3" t="s">
        <v>32</v>
      </c>
      <c r="L6" s="3" t="s">
        <v>33</v>
      </c>
      <c r="M6" s="3" t="s">
        <v>940</v>
      </c>
      <c r="N6" s="3" t="s">
        <v>80</v>
      </c>
      <c r="O6" s="3" t="s">
        <v>152</v>
      </c>
      <c r="P6" s="3" t="s">
        <v>37</v>
      </c>
      <c r="Q6" s="3" t="s">
        <v>37</v>
      </c>
      <c r="R6" s="3" t="s">
        <v>38</v>
      </c>
      <c r="S6" s="3" t="s">
        <v>941</v>
      </c>
      <c r="T6" s="3" t="s">
        <v>37</v>
      </c>
      <c r="U6" s="3" t="s">
        <v>37</v>
      </c>
      <c r="V6" s="3" t="s">
        <v>37</v>
      </c>
    </row>
    <row r="7" spans="1:22" x14ac:dyDescent="0.25">
      <c r="A7" s="3" t="s">
        <v>913</v>
      </c>
      <c r="B7" s="4" t="s">
        <v>23</v>
      </c>
      <c r="C7" s="3" t="s">
        <v>24</v>
      </c>
      <c r="D7" s="5" t="s">
        <v>942</v>
      </c>
      <c r="E7" s="3" t="s">
        <v>936</v>
      </c>
      <c r="F7" s="3" t="s">
        <v>943</v>
      </c>
      <c r="G7" s="3" t="s">
        <v>235</v>
      </c>
      <c r="H7" s="3" t="s">
        <v>64</v>
      </c>
      <c r="I7" s="3" t="s">
        <v>938</v>
      </c>
      <c r="J7" s="3" t="s">
        <v>944</v>
      </c>
      <c r="K7" s="3" t="s">
        <v>32</v>
      </c>
      <c r="L7" s="3" t="s">
        <v>33</v>
      </c>
      <c r="M7" s="3" t="s">
        <v>940</v>
      </c>
      <c r="N7" s="3" t="s">
        <v>80</v>
      </c>
      <c r="O7" s="3" t="s">
        <v>152</v>
      </c>
      <c r="P7" s="3" t="s">
        <v>37</v>
      </c>
      <c r="Q7" s="3" t="s">
        <v>37</v>
      </c>
      <c r="R7" s="3" t="s">
        <v>38</v>
      </c>
      <c r="S7" s="3" t="s">
        <v>945</v>
      </c>
      <c r="T7" s="3" t="s">
        <v>37</v>
      </c>
      <c r="U7" s="3" t="s">
        <v>37</v>
      </c>
      <c r="V7" s="3" t="s">
        <v>37</v>
      </c>
    </row>
    <row r="8" spans="1:22" x14ac:dyDescent="0.25">
      <c r="A8" s="3" t="s">
        <v>913</v>
      </c>
      <c r="B8" s="4" t="s">
        <v>23</v>
      </c>
      <c r="C8" s="3" t="s">
        <v>24</v>
      </c>
      <c r="D8" s="5" t="s">
        <v>70</v>
      </c>
      <c r="E8" s="3" t="s">
        <v>936</v>
      </c>
      <c r="F8" s="3" t="s">
        <v>946</v>
      </c>
      <c r="G8" s="3" t="s">
        <v>253</v>
      </c>
      <c r="H8" s="3" t="s">
        <v>64</v>
      </c>
      <c r="I8" s="3" t="s">
        <v>938</v>
      </c>
      <c r="J8" s="3" t="s">
        <v>947</v>
      </c>
      <c r="K8" s="3" t="s">
        <v>32</v>
      </c>
      <c r="L8" s="3" t="s">
        <v>33</v>
      </c>
      <c r="M8" s="3" t="s">
        <v>940</v>
      </c>
      <c r="N8" s="3" t="s">
        <v>80</v>
      </c>
      <c r="O8" s="3" t="s">
        <v>152</v>
      </c>
      <c r="P8" s="3" t="s">
        <v>37</v>
      </c>
      <c r="Q8" s="3" t="s">
        <v>37</v>
      </c>
      <c r="R8" s="3" t="s">
        <v>38</v>
      </c>
      <c r="S8" s="3" t="s">
        <v>948</v>
      </c>
      <c r="T8" s="3" t="s">
        <v>37</v>
      </c>
      <c r="U8" s="3" t="s">
        <v>37</v>
      </c>
      <c r="V8" s="3" t="s">
        <v>37</v>
      </c>
    </row>
    <row r="9" spans="1:22" x14ac:dyDescent="0.25">
      <c r="A9" s="3" t="s">
        <v>913</v>
      </c>
      <c r="B9" s="4" t="s">
        <v>23</v>
      </c>
      <c r="C9" s="3" t="s">
        <v>24</v>
      </c>
      <c r="D9" s="5" t="s">
        <v>949</v>
      </c>
      <c r="E9" s="3" t="s">
        <v>936</v>
      </c>
      <c r="F9" s="3" t="s">
        <v>950</v>
      </c>
      <c r="G9" s="3" t="s">
        <v>128</v>
      </c>
      <c r="H9" s="3" t="s">
        <v>64</v>
      </c>
      <c r="I9" s="3" t="s">
        <v>951</v>
      </c>
      <c r="J9" s="3" t="s">
        <v>952</v>
      </c>
      <c r="K9" s="3" t="s">
        <v>32</v>
      </c>
      <c r="L9" s="3" t="s">
        <v>33</v>
      </c>
      <c r="M9" s="3" t="s">
        <v>940</v>
      </c>
      <c r="N9" s="3" t="s">
        <v>80</v>
      </c>
      <c r="O9" s="3" t="s">
        <v>152</v>
      </c>
      <c r="P9" s="3" t="s">
        <v>37</v>
      </c>
      <c r="Q9" s="3" t="s">
        <v>37</v>
      </c>
      <c r="R9" s="3" t="s">
        <v>38</v>
      </c>
      <c r="S9" s="3" t="s">
        <v>953</v>
      </c>
      <c r="T9" s="3" t="s">
        <v>37</v>
      </c>
      <c r="U9" s="3" t="s">
        <v>37</v>
      </c>
      <c r="V9" s="3" t="s">
        <v>37</v>
      </c>
    </row>
    <row r="10" spans="1:22" x14ac:dyDescent="0.25">
      <c r="A10" s="3" t="s">
        <v>913</v>
      </c>
      <c r="B10" s="4" t="s">
        <v>23</v>
      </c>
      <c r="C10" s="3" t="s">
        <v>24</v>
      </c>
      <c r="D10" s="5" t="s">
        <v>954</v>
      </c>
      <c r="E10" s="3" t="s">
        <v>936</v>
      </c>
      <c r="F10" s="3" t="s">
        <v>955</v>
      </c>
      <c r="G10" s="3" t="s">
        <v>526</v>
      </c>
      <c r="H10" s="3" t="s">
        <v>64</v>
      </c>
      <c r="I10" s="3" t="s">
        <v>938</v>
      </c>
      <c r="J10" s="3" t="s">
        <v>956</v>
      </c>
      <c r="K10" s="3" t="s">
        <v>32</v>
      </c>
      <c r="L10" s="3" t="s">
        <v>33</v>
      </c>
      <c r="M10" s="3" t="s">
        <v>940</v>
      </c>
      <c r="N10" s="3" t="s">
        <v>80</v>
      </c>
      <c r="O10" s="3" t="s">
        <v>152</v>
      </c>
      <c r="P10" s="3" t="s">
        <v>37</v>
      </c>
      <c r="Q10" s="3" t="s">
        <v>37</v>
      </c>
      <c r="R10" s="3" t="s">
        <v>38</v>
      </c>
      <c r="S10" s="3" t="s">
        <v>957</v>
      </c>
      <c r="T10" s="3" t="s">
        <v>37</v>
      </c>
      <c r="U10" s="3" t="s">
        <v>37</v>
      </c>
      <c r="V10" s="3" t="s">
        <v>37</v>
      </c>
    </row>
    <row r="11" spans="1:22" x14ac:dyDescent="0.25">
      <c r="A11" s="3" t="s">
        <v>913</v>
      </c>
      <c r="B11" s="4" t="s">
        <v>23</v>
      </c>
      <c r="C11" s="3" t="s">
        <v>24</v>
      </c>
      <c r="D11" s="5" t="s">
        <v>82</v>
      </c>
      <c r="E11" s="3" t="s">
        <v>936</v>
      </c>
      <c r="F11" s="3" t="s">
        <v>958</v>
      </c>
      <c r="G11" s="3" t="s">
        <v>156</v>
      </c>
      <c r="H11" s="3" t="s">
        <v>64</v>
      </c>
      <c r="I11" s="3" t="s">
        <v>938</v>
      </c>
      <c r="J11" s="3" t="s">
        <v>959</v>
      </c>
      <c r="K11" s="3" t="s">
        <v>32</v>
      </c>
      <c r="L11" s="3" t="s">
        <v>33</v>
      </c>
      <c r="M11" s="3" t="s">
        <v>940</v>
      </c>
      <c r="N11" s="3" t="s">
        <v>80</v>
      </c>
      <c r="O11" s="3" t="s">
        <v>152</v>
      </c>
      <c r="P11" s="3" t="s">
        <v>37</v>
      </c>
      <c r="Q11" s="3" t="s">
        <v>37</v>
      </c>
      <c r="R11" s="3" t="s">
        <v>38</v>
      </c>
      <c r="S11" s="3" t="s">
        <v>960</v>
      </c>
      <c r="T11" s="3" t="s">
        <v>37</v>
      </c>
      <c r="U11" s="3" t="s">
        <v>37</v>
      </c>
      <c r="V11" s="3" t="s">
        <v>37</v>
      </c>
    </row>
    <row r="12" spans="1:22" x14ac:dyDescent="0.25">
      <c r="A12" s="3" t="s">
        <v>913</v>
      </c>
      <c r="B12" s="4" t="s">
        <v>23</v>
      </c>
      <c r="C12" s="3" t="s">
        <v>24</v>
      </c>
      <c r="D12" s="5" t="s">
        <v>636</v>
      </c>
      <c r="E12" s="3" t="s">
        <v>961</v>
      </c>
      <c r="F12" s="3" t="s">
        <v>962</v>
      </c>
      <c r="G12" s="3" t="s">
        <v>963</v>
      </c>
      <c r="H12" s="3" t="s">
        <v>78</v>
      </c>
      <c r="I12" s="3" t="s">
        <v>37</v>
      </c>
      <c r="J12" s="3" t="s">
        <v>964</v>
      </c>
      <c r="K12" s="3" t="s">
        <v>32</v>
      </c>
      <c r="L12" s="3" t="s">
        <v>33</v>
      </c>
      <c r="M12" s="3" t="s">
        <v>66</v>
      </c>
      <c r="N12" s="3" t="s">
        <v>80</v>
      </c>
      <c r="O12" s="3" t="s">
        <v>86</v>
      </c>
      <c r="P12" s="3" t="s">
        <v>37</v>
      </c>
      <c r="Q12" s="3" t="s">
        <v>37</v>
      </c>
      <c r="R12" s="3" t="s">
        <v>38</v>
      </c>
      <c r="S12" s="3" t="s">
        <v>965</v>
      </c>
      <c r="T12" s="3" t="s">
        <v>37</v>
      </c>
      <c r="U12" s="3" t="s">
        <v>37</v>
      </c>
      <c r="V12" s="3" t="s">
        <v>37</v>
      </c>
    </row>
    <row r="13" spans="1:22" x14ac:dyDescent="0.25">
      <c r="A13" s="3" t="s">
        <v>913</v>
      </c>
      <c r="B13" s="4" t="s">
        <v>23</v>
      </c>
      <c r="C13" s="3" t="s">
        <v>24</v>
      </c>
      <c r="D13" s="5" t="s">
        <v>966</v>
      </c>
      <c r="E13" s="3" t="s">
        <v>961</v>
      </c>
      <c r="F13" s="3" t="s">
        <v>967</v>
      </c>
      <c r="G13" s="3" t="s">
        <v>968</v>
      </c>
      <c r="H13" s="3" t="s">
        <v>78</v>
      </c>
      <c r="I13" s="3" t="s">
        <v>37</v>
      </c>
      <c r="J13" s="3" t="s">
        <v>969</v>
      </c>
      <c r="K13" s="3" t="s">
        <v>32</v>
      </c>
      <c r="L13" s="3" t="s">
        <v>33</v>
      </c>
      <c r="M13" s="3" t="s">
        <v>66</v>
      </c>
      <c r="N13" s="3" t="s">
        <v>80</v>
      </c>
      <c r="O13" s="3" t="s">
        <v>86</v>
      </c>
      <c r="P13" s="3" t="s">
        <v>37</v>
      </c>
      <c r="Q13" s="3" t="s">
        <v>37</v>
      </c>
      <c r="R13" s="3" t="s">
        <v>38</v>
      </c>
      <c r="S13" s="3" t="s">
        <v>970</v>
      </c>
      <c r="T13" s="3" t="s">
        <v>37</v>
      </c>
      <c r="U13" s="3" t="s">
        <v>37</v>
      </c>
      <c r="V13" s="3" t="s">
        <v>37</v>
      </c>
    </row>
    <row r="14" spans="1:22" x14ac:dyDescent="0.25">
      <c r="A14" s="3" t="s">
        <v>913</v>
      </c>
      <c r="B14" s="4" t="s">
        <v>23</v>
      </c>
      <c r="C14" s="3" t="s">
        <v>24</v>
      </c>
      <c r="D14" s="5" t="s">
        <v>971</v>
      </c>
      <c r="E14" s="3" t="s">
        <v>972</v>
      </c>
      <c r="F14" s="3" t="s">
        <v>973</v>
      </c>
      <c r="G14" s="3" t="s">
        <v>177</v>
      </c>
      <c r="H14" s="3" t="s">
        <v>64</v>
      </c>
      <c r="I14" s="3" t="s">
        <v>37</v>
      </c>
      <c r="J14" s="3" t="s">
        <v>974</v>
      </c>
      <c r="K14" s="3" t="s">
        <v>32</v>
      </c>
      <c r="L14" s="3" t="s">
        <v>33</v>
      </c>
      <c r="M14" s="3" t="s">
        <v>66</v>
      </c>
      <c r="N14" s="3" t="s">
        <v>80</v>
      </c>
      <c r="O14" s="3" t="s">
        <v>86</v>
      </c>
      <c r="P14" s="3" t="s">
        <v>37</v>
      </c>
      <c r="Q14" s="3" t="s">
        <v>37</v>
      </c>
      <c r="R14" s="3" t="s">
        <v>38</v>
      </c>
      <c r="S14" s="3" t="s">
        <v>975</v>
      </c>
      <c r="T14" s="3" t="s">
        <v>37</v>
      </c>
      <c r="U14" s="3" t="s">
        <v>37</v>
      </c>
      <c r="V14" s="3" t="s">
        <v>37</v>
      </c>
    </row>
    <row r="15" spans="1:22" x14ac:dyDescent="0.25">
      <c r="A15" s="3" t="s">
        <v>913</v>
      </c>
      <c r="B15" s="4" t="s">
        <v>23</v>
      </c>
      <c r="C15" s="3" t="s">
        <v>24</v>
      </c>
      <c r="D15" s="5" t="s">
        <v>976</v>
      </c>
      <c r="E15" s="3" t="s">
        <v>961</v>
      </c>
      <c r="F15" s="3" t="s">
        <v>977</v>
      </c>
      <c r="G15" s="3" t="s">
        <v>624</v>
      </c>
      <c r="H15" s="3" t="s">
        <v>78</v>
      </c>
      <c r="I15" s="3" t="s">
        <v>37</v>
      </c>
      <c r="J15" s="3" t="s">
        <v>978</v>
      </c>
      <c r="K15" s="3" t="s">
        <v>32</v>
      </c>
      <c r="L15" s="3" t="s">
        <v>33</v>
      </c>
      <c r="M15" s="3" t="s">
        <v>66</v>
      </c>
      <c r="N15" s="3" t="s">
        <v>80</v>
      </c>
      <c r="O15" s="3" t="s">
        <v>86</v>
      </c>
      <c r="P15" s="3" t="s">
        <v>37</v>
      </c>
      <c r="Q15" s="3" t="s">
        <v>37</v>
      </c>
      <c r="R15" s="3" t="s">
        <v>38</v>
      </c>
      <c r="S15" s="3" t="s">
        <v>979</v>
      </c>
      <c r="T15" s="3" t="s">
        <v>37</v>
      </c>
      <c r="U15" s="3" t="s">
        <v>37</v>
      </c>
      <c r="V15" s="3" t="s">
        <v>37</v>
      </c>
    </row>
    <row r="16" spans="1:22" x14ac:dyDescent="0.25">
      <c r="A16" s="3" t="s">
        <v>913</v>
      </c>
      <c r="B16" s="4" t="s">
        <v>23</v>
      </c>
      <c r="C16" s="3" t="s">
        <v>24</v>
      </c>
      <c r="D16" s="5" t="s">
        <v>980</v>
      </c>
      <c r="E16" s="3" t="s">
        <v>914</v>
      </c>
      <c r="F16" s="3" t="s">
        <v>981</v>
      </c>
      <c r="G16" s="3" t="s">
        <v>982</v>
      </c>
      <c r="H16" s="3" t="s">
        <v>71</v>
      </c>
      <c r="I16" s="3" t="s">
        <v>983</v>
      </c>
      <c r="J16" s="3" t="s">
        <v>984</v>
      </c>
      <c r="K16" s="3" t="s">
        <v>32</v>
      </c>
      <c r="L16" s="3" t="s">
        <v>33</v>
      </c>
      <c r="M16" s="3" t="s">
        <v>66</v>
      </c>
      <c r="N16" s="3" t="s">
        <v>72</v>
      </c>
      <c r="O16" s="3" t="s">
        <v>86</v>
      </c>
      <c r="P16" s="3" t="s">
        <v>37</v>
      </c>
      <c r="Q16" s="3" t="s">
        <v>37</v>
      </c>
      <c r="R16" s="3" t="s">
        <v>38</v>
      </c>
      <c r="S16" s="3" t="s">
        <v>985</v>
      </c>
      <c r="T16" s="3" t="s">
        <v>37</v>
      </c>
      <c r="U16" s="3" t="s">
        <v>37</v>
      </c>
      <c r="V16" s="3" t="s">
        <v>37</v>
      </c>
    </row>
    <row r="17" spans="1:22" x14ac:dyDescent="0.25">
      <c r="A17" s="3" t="s">
        <v>913</v>
      </c>
      <c r="B17" s="4" t="s">
        <v>23</v>
      </c>
      <c r="C17" s="3" t="s">
        <v>24</v>
      </c>
      <c r="D17" s="5" t="s">
        <v>986</v>
      </c>
      <c r="E17" s="3" t="s">
        <v>914</v>
      </c>
      <c r="F17" s="3" t="s">
        <v>987</v>
      </c>
      <c r="G17" s="3" t="s">
        <v>988</v>
      </c>
      <c r="H17" s="3" t="s">
        <v>71</v>
      </c>
      <c r="I17" s="3" t="s">
        <v>983</v>
      </c>
      <c r="J17" s="3" t="s">
        <v>984</v>
      </c>
      <c r="K17" s="3" t="s">
        <v>32</v>
      </c>
      <c r="L17" s="3" t="s">
        <v>33</v>
      </c>
      <c r="M17" s="3" t="s">
        <v>66</v>
      </c>
      <c r="N17" s="3" t="s">
        <v>72</v>
      </c>
      <c r="O17" s="3" t="s">
        <v>86</v>
      </c>
      <c r="P17" s="3" t="s">
        <v>37</v>
      </c>
      <c r="Q17" s="3" t="s">
        <v>37</v>
      </c>
      <c r="R17" s="3" t="s">
        <v>38</v>
      </c>
      <c r="S17" s="3" t="s">
        <v>989</v>
      </c>
      <c r="T17" s="3" t="s">
        <v>37</v>
      </c>
      <c r="U17" s="3" t="s">
        <v>37</v>
      </c>
      <c r="V17" s="3" t="s">
        <v>37</v>
      </c>
    </row>
    <row r="18" spans="1:22" x14ac:dyDescent="0.25">
      <c r="A18" s="3" t="s">
        <v>913</v>
      </c>
      <c r="B18" s="4" t="s">
        <v>23</v>
      </c>
      <c r="C18" s="3" t="s">
        <v>24</v>
      </c>
      <c r="D18" s="5" t="s">
        <v>990</v>
      </c>
      <c r="E18" s="3" t="s">
        <v>936</v>
      </c>
      <c r="F18" s="3" t="s">
        <v>991</v>
      </c>
      <c r="G18" s="3" t="s">
        <v>57</v>
      </c>
      <c r="H18" s="3" t="s">
        <v>64</v>
      </c>
      <c r="I18" s="3" t="s">
        <v>938</v>
      </c>
      <c r="J18" s="3" t="s">
        <v>992</v>
      </c>
      <c r="K18" s="3" t="s">
        <v>32</v>
      </c>
      <c r="L18" s="3" t="s">
        <v>33</v>
      </c>
      <c r="M18" s="3" t="s">
        <v>940</v>
      </c>
      <c r="N18" s="3" t="s">
        <v>80</v>
      </c>
      <c r="O18" s="3" t="s">
        <v>152</v>
      </c>
      <c r="P18" s="3" t="s">
        <v>37</v>
      </c>
      <c r="Q18" s="3" t="s">
        <v>37</v>
      </c>
      <c r="R18" s="3" t="s">
        <v>38</v>
      </c>
      <c r="S18" s="3" t="s">
        <v>993</v>
      </c>
      <c r="T18" s="3" t="s">
        <v>37</v>
      </c>
      <c r="U18" s="3" t="s">
        <v>37</v>
      </c>
      <c r="V18" s="3" t="s">
        <v>37</v>
      </c>
    </row>
    <row r="19" spans="1:22" x14ac:dyDescent="0.25">
      <c r="A19" s="3" t="s">
        <v>913</v>
      </c>
      <c r="B19" s="4" t="s">
        <v>23</v>
      </c>
      <c r="C19" s="3" t="s">
        <v>24</v>
      </c>
      <c r="D19" s="5" t="s">
        <v>436</v>
      </c>
      <c r="E19" s="3" t="s">
        <v>936</v>
      </c>
      <c r="F19" s="3" t="s">
        <v>994</v>
      </c>
      <c r="G19" s="3" t="s">
        <v>192</v>
      </c>
      <c r="H19" s="3" t="s">
        <v>64</v>
      </c>
      <c r="I19" s="3" t="s">
        <v>938</v>
      </c>
      <c r="J19" s="3" t="s">
        <v>995</v>
      </c>
      <c r="K19" s="3" t="s">
        <v>32</v>
      </c>
      <c r="L19" s="3" t="s">
        <v>33</v>
      </c>
      <c r="M19" s="3" t="s">
        <v>940</v>
      </c>
      <c r="N19" s="3" t="s">
        <v>80</v>
      </c>
      <c r="O19" s="3" t="s">
        <v>152</v>
      </c>
      <c r="P19" s="3" t="s">
        <v>37</v>
      </c>
      <c r="Q19" s="3" t="s">
        <v>37</v>
      </c>
      <c r="R19" s="3" t="s">
        <v>38</v>
      </c>
      <c r="S19" s="3" t="s">
        <v>996</v>
      </c>
      <c r="T19" s="3" t="s">
        <v>37</v>
      </c>
      <c r="U19" s="3" t="s">
        <v>37</v>
      </c>
      <c r="V19" s="3" t="s">
        <v>37</v>
      </c>
    </row>
    <row r="20" spans="1:22" x14ac:dyDescent="0.25">
      <c r="A20" s="3" t="s">
        <v>913</v>
      </c>
      <c r="B20" s="4" t="s">
        <v>23</v>
      </c>
      <c r="C20" s="3" t="s">
        <v>24</v>
      </c>
      <c r="D20" s="5" t="s">
        <v>109</v>
      </c>
      <c r="E20" s="3" t="s">
        <v>936</v>
      </c>
      <c r="F20" s="3" t="s">
        <v>997</v>
      </c>
      <c r="G20" s="3" t="s">
        <v>816</v>
      </c>
      <c r="H20" s="3" t="s">
        <v>64</v>
      </c>
      <c r="I20" s="3" t="s">
        <v>938</v>
      </c>
      <c r="J20" s="3" t="s">
        <v>998</v>
      </c>
      <c r="K20" s="3" t="s">
        <v>32</v>
      </c>
      <c r="L20" s="3" t="s">
        <v>33</v>
      </c>
      <c r="M20" s="3" t="s">
        <v>940</v>
      </c>
      <c r="N20" s="3" t="s">
        <v>80</v>
      </c>
      <c r="O20" s="3" t="s">
        <v>152</v>
      </c>
      <c r="P20" s="3" t="s">
        <v>37</v>
      </c>
      <c r="Q20" s="3" t="s">
        <v>37</v>
      </c>
      <c r="R20" s="3" t="s">
        <v>38</v>
      </c>
      <c r="S20" s="3" t="s">
        <v>999</v>
      </c>
      <c r="T20" s="3" t="s">
        <v>37</v>
      </c>
      <c r="U20" s="3" t="s">
        <v>37</v>
      </c>
      <c r="V20" s="3" t="s">
        <v>37</v>
      </c>
    </row>
    <row r="21" spans="1:22" x14ac:dyDescent="0.25">
      <c r="A21" s="3" t="s">
        <v>913</v>
      </c>
      <c r="B21" s="4" t="s">
        <v>23</v>
      </c>
      <c r="C21" s="3" t="s">
        <v>24</v>
      </c>
      <c r="D21" s="5" t="s">
        <v>447</v>
      </c>
      <c r="E21" s="3" t="s">
        <v>936</v>
      </c>
      <c r="F21" s="3" t="s">
        <v>1000</v>
      </c>
      <c r="G21" s="3" t="s">
        <v>202</v>
      </c>
      <c r="H21" s="3" t="s">
        <v>64</v>
      </c>
      <c r="I21" s="3" t="s">
        <v>938</v>
      </c>
      <c r="J21" s="3" t="s">
        <v>1001</v>
      </c>
      <c r="K21" s="3" t="s">
        <v>32</v>
      </c>
      <c r="L21" s="3" t="s">
        <v>33</v>
      </c>
      <c r="M21" s="3" t="s">
        <v>940</v>
      </c>
      <c r="N21" s="3" t="s">
        <v>80</v>
      </c>
      <c r="O21" s="3" t="s">
        <v>152</v>
      </c>
      <c r="P21" s="3" t="s">
        <v>37</v>
      </c>
      <c r="Q21" s="3" t="s">
        <v>37</v>
      </c>
      <c r="R21" s="3" t="s">
        <v>38</v>
      </c>
      <c r="S21" s="3" t="s">
        <v>1002</v>
      </c>
      <c r="T21" s="3" t="s">
        <v>37</v>
      </c>
      <c r="U21" s="3" t="s">
        <v>37</v>
      </c>
      <c r="V21" s="3" t="s">
        <v>37</v>
      </c>
    </row>
    <row r="22" spans="1:22" x14ac:dyDescent="0.25">
      <c r="A22" s="3" t="s">
        <v>913</v>
      </c>
      <c r="B22" s="4" t="s">
        <v>23</v>
      </c>
      <c r="C22" s="3" t="s">
        <v>24</v>
      </c>
      <c r="D22" s="5" t="s">
        <v>451</v>
      </c>
      <c r="E22" s="3" t="s">
        <v>936</v>
      </c>
      <c r="F22" s="3" t="s">
        <v>1003</v>
      </c>
      <c r="G22" s="3" t="s">
        <v>90</v>
      </c>
      <c r="H22" s="3" t="s">
        <v>64</v>
      </c>
      <c r="I22" s="3" t="s">
        <v>951</v>
      </c>
      <c r="J22" s="3" t="s">
        <v>1004</v>
      </c>
      <c r="K22" s="3" t="s">
        <v>32</v>
      </c>
      <c r="L22" s="3" t="s">
        <v>33</v>
      </c>
      <c r="M22" s="3" t="s">
        <v>940</v>
      </c>
      <c r="N22" s="3" t="s">
        <v>80</v>
      </c>
      <c r="O22" s="3" t="s">
        <v>152</v>
      </c>
      <c r="P22" s="3" t="s">
        <v>37</v>
      </c>
      <c r="Q22" s="3" t="s">
        <v>37</v>
      </c>
      <c r="R22" s="3" t="s">
        <v>38</v>
      </c>
      <c r="S22" s="3" t="s">
        <v>1005</v>
      </c>
      <c r="T22" s="3" t="s">
        <v>37</v>
      </c>
      <c r="U22" s="3" t="s">
        <v>37</v>
      </c>
      <c r="V22" s="3" t="s">
        <v>37</v>
      </c>
    </row>
    <row r="23" spans="1:22" x14ac:dyDescent="0.25">
      <c r="A23" s="3" t="s">
        <v>913</v>
      </c>
      <c r="B23" s="4" t="s">
        <v>23</v>
      </c>
      <c r="C23" s="3" t="s">
        <v>24</v>
      </c>
      <c r="D23" s="5" t="s">
        <v>1006</v>
      </c>
      <c r="E23" s="3" t="s">
        <v>936</v>
      </c>
      <c r="F23" s="3" t="s">
        <v>1007</v>
      </c>
      <c r="G23" s="3" t="s">
        <v>95</v>
      </c>
      <c r="H23" s="3" t="s">
        <v>64</v>
      </c>
      <c r="I23" s="3" t="s">
        <v>938</v>
      </c>
      <c r="J23" s="3" t="s">
        <v>1008</v>
      </c>
      <c r="K23" s="3" t="s">
        <v>32</v>
      </c>
      <c r="L23" s="3" t="s">
        <v>33</v>
      </c>
      <c r="M23" s="3" t="s">
        <v>940</v>
      </c>
      <c r="N23" s="3" t="s">
        <v>80</v>
      </c>
      <c r="O23" s="3" t="s">
        <v>152</v>
      </c>
      <c r="P23" s="3" t="s">
        <v>37</v>
      </c>
      <c r="Q23" s="3" t="s">
        <v>37</v>
      </c>
      <c r="R23" s="3" t="s">
        <v>38</v>
      </c>
      <c r="S23" s="3" t="s">
        <v>1009</v>
      </c>
      <c r="T23" s="3" t="s">
        <v>37</v>
      </c>
      <c r="U23" s="3" t="s">
        <v>37</v>
      </c>
      <c r="V23" s="3" t="s">
        <v>37</v>
      </c>
    </row>
    <row r="24" spans="1:22" x14ac:dyDescent="0.25">
      <c r="A24" s="3" t="s">
        <v>913</v>
      </c>
      <c r="B24" s="4" t="s">
        <v>23</v>
      </c>
      <c r="C24" s="3" t="s">
        <v>24</v>
      </c>
      <c r="D24" s="5" t="s">
        <v>122</v>
      </c>
      <c r="E24" s="3" t="s">
        <v>936</v>
      </c>
      <c r="F24" s="3" t="s">
        <v>1010</v>
      </c>
      <c r="G24" s="3" t="s">
        <v>182</v>
      </c>
      <c r="H24" s="3" t="s">
        <v>64</v>
      </c>
      <c r="I24" s="3" t="s">
        <v>938</v>
      </c>
      <c r="J24" s="3" t="s">
        <v>1011</v>
      </c>
      <c r="K24" s="3" t="s">
        <v>32</v>
      </c>
      <c r="L24" s="3" t="s">
        <v>33</v>
      </c>
      <c r="M24" s="3" t="s">
        <v>940</v>
      </c>
      <c r="N24" s="3" t="s">
        <v>80</v>
      </c>
      <c r="O24" s="3" t="s">
        <v>152</v>
      </c>
      <c r="P24" s="3" t="s">
        <v>37</v>
      </c>
      <c r="Q24" s="3" t="s">
        <v>37</v>
      </c>
      <c r="R24" s="3" t="s">
        <v>38</v>
      </c>
      <c r="S24" s="3" t="s">
        <v>1012</v>
      </c>
      <c r="T24" s="3" t="s">
        <v>37</v>
      </c>
      <c r="U24" s="3" t="s">
        <v>37</v>
      </c>
      <c r="V24" s="3" t="s">
        <v>37</v>
      </c>
    </row>
    <row r="25" spans="1:22" x14ac:dyDescent="0.25">
      <c r="A25" s="3" t="s">
        <v>913</v>
      </c>
      <c r="B25" s="4" t="s">
        <v>23</v>
      </c>
      <c r="C25" s="3" t="s">
        <v>24</v>
      </c>
      <c r="D25" s="5" t="s">
        <v>652</v>
      </c>
      <c r="E25" s="3" t="s">
        <v>936</v>
      </c>
      <c r="F25" s="3" t="s">
        <v>1013</v>
      </c>
      <c r="G25" s="3" t="s">
        <v>340</v>
      </c>
      <c r="H25" s="3" t="s">
        <v>64</v>
      </c>
      <c r="I25" s="3" t="s">
        <v>938</v>
      </c>
      <c r="J25" s="3" t="s">
        <v>1014</v>
      </c>
      <c r="K25" s="3" t="s">
        <v>32</v>
      </c>
      <c r="L25" s="3" t="s">
        <v>33</v>
      </c>
      <c r="M25" s="3" t="s">
        <v>940</v>
      </c>
      <c r="N25" s="3" t="s">
        <v>80</v>
      </c>
      <c r="O25" s="3" t="s">
        <v>152</v>
      </c>
      <c r="P25" s="3" t="s">
        <v>37</v>
      </c>
      <c r="Q25" s="3" t="s">
        <v>37</v>
      </c>
      <c r="R25" s="3" t="s">
        <v>38</v>
      </c>
      <c r="S25" s="3" t="s">
        <v>1015</v>
      </c>
      <c r="T25" s="3" t="s">
        <v>37</v>
      </c>
      <c r="U25" s="3" t="s">
        <v>37</v>
      </c>
      <c r="V25" s="3" t="s">
        <v>37</v>
      </c>
    </row>
    <row r="26" spans="1:22" x14ac:dyDescent="0.25">
      <c r="A26" s="3" t="s">
        <v>913</v>
      </c>
      <c r="B26" s="4" t="s">
        <v>23</v>
      </c>
      <c r="C26" s="3" t="s">
        <v>24</v>
      </c>
      <c r="D26" s="5" t="s">
        <v>1016</v>
      </c>
      <c r="E26" s="3" t="s">
        <v>936</v>
      </c>
      <c r="F26" s="3" t="s">
        <v>1017</v>
      </c>
      <c r="G26" s="3" t="s">
        <v>344</v>
      </c>
      <c r="H26" s="3" t="s">
        <v>64</v>
      </c>
      <c r="I26" s="3" t="s">
        <v>951</v>
      </c>
      <c r="J26" s="3" t="s">
        <v>1018</v>
      </c>
      <c r="K26" s="3" t="s">
        <v>32</v>
      </c>
      <c r="L26" s="3" t="s">
        <v>33</v>
      </c>
      <c r="M26" s="3" t="s">
        <v>940</v>
      </c>
      <c r="N26" s="3" t="s">
        <v>80</v>
      </c>
      <c r="O26" s="3" t="s">
        <v>152</v>
      </c>
      <c r="P26" s="3" t="s">
        <v>37</v>
      </c>
      <c r="Q26" s="3" t="s">
        <v>37</v>
      </c>
      <c r="R26" s="3" t="s">
        <v>38</v>
      </c>
      <c r="S26" s="3" t="s">
        <v>1019</v>
      </c>
      <c r="T26" s="3" t="s">
        <v>37</v>
      </c>
      <c r="U26" s="3" t="s">
        <v>37</v>
      </c>
      <c r="V26" s="3" t="s">
        <v>37</v>
      </c>
    </row>
    <row r="27" spans="1:22" x14ac:dyDescent="0.25">
      <c r="A27" s="3" t="s">
        <v>913</v>
      </c>
      <c r="B27" s="4" t="s">
        <v>23</v>
      </c>
      <c r="C27" s="3" t="s">
        <v>24</v>
      </c>
      <c r="D27" s="5" t="s">
        <v>319</v>
      </c>
      <c r="E27" s="3" t="s">
        <v>936</v>
      </c>
      <c r="F27" s="3" t="s">
        <v>1020</v>
      </c>
      <c r="G27" s="3" t="s">
        <v>568</v>
      </c>
      <c r="H27" s="3" t="s">
        <v>64</v>
      </c>
      <c r="I27" s="3" t="s">
        <v>938</v>
      </c>
      <c r="J27" s="3" t="s">
        <v>1021</v>
      </c>
      <c r="K27" s="3" t="s">
        <v>32</v>
      </c>
      <c r="L27" s="3" t="s">
        <v>33</v>
      </c>
      <c r="M27" s="3" t="s">
        <v>940</v>
      </c>
      <c r="N27" s="3" t="s">
        <v>80</v>
      </c>
      <c r="O27" s="3" t="s">
        <v>152</v>
      </c>
      <c r="P27" s="3" t="s">
        <v>37</v>
      </c>
      <c r="Q27" s="3" t="s">
        <v>37</v>
      </c>
      <c r="R27" s="3" t="s">
        <v>38</v>
      </c>
      <c r="S27" s="3" t="s">
        <v>1022</v>
      </c>
      <c r="T27" s="3" t="s">
        <v>37</v>
      </c>
      <c r="U27" s="3" t="s">
        <v>37</v>
      </c>
      <c r="V27" s="3" t="s">
        <v>37</v>
      </c>
    </row>
    <row r="28" spans="1:22" x14ac:dyDescent="0.25">
      <c r="A28" s="3" t="s">
        <v>913</v>
      </c>
      <c r="B28" s="4" t="s">
        <v>23</v>
      </c>
      <c r="C28" s="3" t="s">
        <v>24</v>
      </c>
      <c r="D28" s="5" t="s">
        <v>1023</v>
      </c>
      <c r="E28" s="3" t="s">
        <v>936</v>
      </c>
      <c r="F28" s="3" t="s">
        <v>1024</v>
      </c>
      <c r="G28" s="3" t="s">
        <v>177</v>
      </c>
      <c r="H28" s="3" t="s">
        <v>64</v>
      </c>
      <c r="I28" s="3" t="s">
        <v>938</v>
      </c>
      <c r="J28" s="3" t="s">
        <v>1025</v>
      </c>
      <c r="K28" s="3" t="s">
        <v>32</v>
      </c>
      <c r="L28" s="3" t="s">
        <v>33</v>
      </c>
      <c r="M28" s="3" t="s">
        <v>940</v>
      </c>
      <c r="N28" s="3" t="s">
        <v>80</v>
      </c>
      <c r="O28" s="3" t="s">
        <v>152</v>
      </c>
      <c r="P28" s="3" t="s">
        <v>37</v>
      </c>
      <c r="Q28" s="3" t="s">
        <v>37</v>
      </c>
      <c r="R28" s="3" t="s">
        <v>38</v>
      </c>
      <c r="S28" s="3" t="s">
        <v>1026</v>
      </c>
      <c r="T28" s="3" t="s">
        <v>37</v>
      </c>
      <c r="U28" s="3" t="s">
        <v>37</v>
      </c>
      <c r="V28" s="3" t="s">
        <v>37</v>
      </c>
    </row>
    <row r="29" spans="1:22" x14ac:dyDescent="0.25">
      <c r="A29" s="3" t="s">
        <v>913</v>
      </c>
      <c r="B29" s="4" t="s">
        <v>23</v>
      </c>
      <c r="C29" s="3" t="s">
        <v>24</v>
      </c>
      <c r="D29" s="5" t="s">
        <v>1027</v>
      </c>
      <c r="E29" s="3" t="s">
        <v>936</v>
      </c>
      <c r="F29" s="3" t="s">
        <v>1028</v>
      </c>
      <c r="G29" s="3" t="s">
        <v>286</v>
      </c>
      <c r="H29" s="3" t="s">
        <v>64</v>
      </c>
      <c r="I29" s="3" t="s">
        <v>938</v>
      </c>
      <c r="J29" s="3" t="s">
        <v>1029</v>
      </c>
      <c r="K29" s="3" t="s">
        <v>32</v>
      </c>
      <c r="L29" s="3" t="s">
        <v>33</v>
      </c>
      <c r="M29" s="3" t="s">
        <v>940</v>
      </c>
      <c r="N29" s="3" t="s">
        <v>80</v>
      </c>
      <c r="O29" s="3" t="s">
        <v>152</v>
      </c>
      <c r="P29" s="3" t="s">
        <v>37</v>
      </c>
      <c r="Q29" s="3" t="s">
        <v>37</v>
      </c>
      <c r="R29" s="3" t="s">
        <v>38</v>
      </c>
      <c r="S29" s="3" t="s">
        <v>1030</v>
      </c>
      <c r="T29" s="3" t="s">
        <v>37</v>
      </c>
      <c r="U29" s="3" t="s">
        <v>37</v>
      </c>
      <c r="V29" s="3" t="s">
        <v>37</v>
      </c>
    </row>
    <row r="30" spans="1:22" x14ac:dyDescent="0.25">
      <c r="A30" s="3" t="s">
        <v>913</v>
      </c>
      <c r="B30" s="4" t="s">
        <v>23</v>
      </c>
      <c r="C30" s="3" t="s">
        <v>24</v>
      </c>
      <c r="D30" s="5" t="s">
        <v>131</v>
      </c>
      <c r="E30" s="3" t="s">
        <v>936</v>
      </c>
      <c r="F30" s="3" t="s">
        <v>1031</v>
      </c>
      <c r="G30" s="3" t="s">
        <v>29</v>
      </c>
      <c r="H30" s="3" t="s">
        <v>64</v>
      </c>
      <c r="I30" s="3" t="s">
        <v>951</v>
      </c>
      <c r="J30" s="3" t="s">
        <v>1032</v>
      </c>
      <c r="K30" s="3" t="s">
        <v>32</v>
      </c>
      <c r="L30" s="3" t="s">
        <v>33</v>
      </c>
      <c r="M30" s="3" t="s">
        <v>940</v>
      </c>
      <c r="N30" s="3" t="s">
        <v>80</v>
      </c>
      <c r="O30" s="3" t="s">
        <v>152</v>
      </c>
      <c r="P30" s="3" t="s">
        <v>37</v>
      </c>
      <c r="Q30" s="3" t="s">
        <v>37</v>
      </c>
      <c r="R30" s="3" t="s">
        <v>38</v>
      </c>
      <c r="S30" s="3" t="s">
        <v>1033</v>
      </c>
      <c r="T30" s="3" t="s">
        <v>37</v>
      </c>
      <c r="U30" s="3" t="s">
        <v>37</v>
      </c>
      <c r="V30" s="3" t="s">
        <v>37</v>
      </c>
    </row>
    <row r="31" spans="1:22" x14ac:dyDescent="0.25">
      <c r="A31" s="3" t="s">
        <v>913</v>
      </c>
      <c r="B31" s="4" t="s">
        <v>23</v>
      </c>
      <c r="C31" s="3" t="s">
        <v>24</v>
      </c>
      <c r="D31" s="5" t="s">
        <v>656</v>
      </c>
      <c r="E31" s="3" t="s">
        <v>936</v>
      </c>
      <c r="F31" s="3" t="s">
        <v>1034</v>
      </c>
      <c r="G31" s="3" t="s">
        <v>64</v>
      </c>
      <c r="H31" s="3" t="s">
        <v>64</v>
      </c>
      <c r="I31" s="3" t="s">
        <v>938</v>
      </c>
      <c r="J31" s="3" t="s">
        <v>1035</v>
      </c>
      <c r="K31" s="3" t="s">
        <v>32</v>
      </c>
      <c r="L31" s="3" t="s">
        <v>33</v>
      </c>
      <c r="M31" s="3" t="s">
        <v>940</v>
      </c>
      <c r="N31" s="3" t="s">
        <v>80</v>
      </c>
      <c r="O31" s="3" t="s">
        <v>152</v>
      </c>
      <c r="P31" s="3" t="s">
        <v>37</v>
      </c>
      <c r="Q31" s="3" t="s">
        <v>37</v>
      </c>
      <c r="R31" s="3" t="s">
        <v>38</v>
      </c>
      <c r="S31" s="3" t="s">
        <v>1036</v>
      </c>
      <c r="T31" s="3" t="s">
        <v>37</v>
      </c>
      <c r="U31" s="3" t="s">
        <v>37</v>
      </c>
      <c r="V31" s="3" t="s">
        <v>37</v>
      </c>
    </row>
    <row r="32" spans="1:22" x14ac:dyDescent="0.25">
      <c r="A32" s="3" t="s">
        <v>913</v>
      </c>
      <c r="B32" s="4" t="s">
        <v>23</v>
      </c>
      <c r="C32" s="3" t="s">
        <v>24</v>
      </c>
      <c r="D32" s="5" t="s">
        <v>1037</v>
      </c>
      <c r="E32" s="3" t="s">
        <v>936</v>
      </c>
      <c r="F32" s="3" t="s">
        <v>1038</v>
      </c>
      <c r="G32" s="3" t="s">
        <v>63</v>
      </c>
      <c r="H32" s="3" t="s">
        <v>64</v>
      </c>
      <c r="I32" s="3" t="s">
        <v>938</v>
      </c>
      <c r="J32" s="3" t="s">
        <v>1039</v>
      </c>
      <c r="K32" s="3" t="s">
        <v>32</v>
      </c>
      <c r="L32" s="3" t="s">
        <v>33</v>
      </c>
      <c r="M32" s="3" t="s">
        <v>940</v>
      </c>
      <c r="N32" s="3" t="s">
        <v>80</v>
      </c>
      <c r="O32" s="3" t="s">
        <v>152</v>
      </c>
      <c r="P32" s="3" t="s">
        <v>37</v>
      </c>
      <c r="Q32" s="3" t="s">
        <v>37</v>
      </c>
      <c r="R32" s="3" t="s">
        <v>38</v>
      </c>
      <c r="S32" s="3" t="s">
        <v>1040</v>
      </c>
      <c r="T32" s="3" t="s">
        <v>37</v>
      </c>
      <c r="U32" s="3" t="s">
        <v>37</v>
      </c>
      <c r="V32" s="3" t="s">
        <v>37</v>
      </c>
    </row>
    <row r="33" spans="1:22" x14ac:dyDescent="0.25">
      <c r="A33" s="3" t="s">
        <v>913</v>
      </c>
      <c r="B33" s="4" t="s">
        <v>23</v>
      </c>
      <c r="C33" s="3" t="s">
        <v>24</v>
      </c>
      <c r="D33" s="5" t="s">
        <v>459</v>
      </c>
      <c r="E33" s="3" t="s">
        <v>936</v>
      </c>
      <c r="F33" s="3" t="s">
        <v>1041</v>
      </c>
      <c r="G33" s="3" t="s">
        <v>537</v>
      </c>
      <c r="H33" s="3" t="s">
        <v>64</v>
      </c>
      <c r="I33" s="3" t="s">
        <v>938</v>
      </c>
      <c r="J33" s="3" t="s">
        <v>1042</v>
      </c>
      <c r="K33" s="3" t="s">
        <v>32</v>
      </c>
      <c r="L33" s="3" t="s">
        <v>33</v>
      </c>
      <c r="M33" s="3" t="s">
        <v>940</v>
      </c>
      <c r="N33" s="3" t="s">
        <v>80</v>
      </c>
      <c r="O33" s="3" t="s">
        <v>152</v>
      </c>
      <c r="P33" s="3" t="s">
        <v>37</v>
      </c>
      <c r="Q33" s="3" t="s">
        <v>37</v>
      </c>
      <c r="R33" s="3" t="s">
        <v>38</v>
      </c>
      <c r="S33" s="3" t="s">
        <v>1043</v>
      </c>
      <c r="T33" s="3" t="s">
        <v>37</v>
      </c>
      <c r="U33" s="3" t="s">
        <v>37</v>
      </c>
      <c r="V33" s="3" t="s">
        <v>37</v>
      </c>
    </row>
    <row r="34" spans="1:22" x14ac:dyDescent="0.25">
      <c r="A34" s="3" t="s">
        <v>913</v>
      </c>
      <c r="B34" s="4" t="s">
        <v>23</v>
      </c>
      <c r="C34" s="3" t="s">
        <v>24</v>
      </c>
      <c r="D34" s="5" t="s">
        <v>1044</v>
      </c>
      <c r="E34" s="3" t="s">
        <v>936</v>
      </c>
      <c r="F34" s="3" t="s">
        <v>1045</v>
      </c>
      <c r="G34" s="3" t="s">
        <v>78</v>
      </c>
      <c r="H34" s="3" t="s">
        <v>64</v>
      </c>
      <c r="I34" s="3" t="s">
        <v>938</v>
      </c>
      <c r="J34" s="3" t="s">
        <v>1046</v>
      </c>
      <c r="K34" s="3" t="s">
        <v>32</v>
      </c>
      <c r="L34" s="3" t="s">
        <v>33</v>
      </c>
      <c r="M34" s="3" t="s">
        <v>940</v>
      </c>
      <c r="N34" s="3" t="s">
        <v>80</v>
      </c>
      <c r="O34" s="3" t="s">
        <v>152</v>
      </c>
      <c r="P34" s="3" t="s">
        <v>37</v>
      </c>
      <c r="Q34" s="3" t="s">
        <v>37</v>
      </c>
      <c r="R34" s="3" t="s">
        <v>38</v>
      </c>
      <c r="S34" s="3" t="s">
        <v>1047</v>
      </c>
      <c r="T34" s="3" t="s">
        <v>37</v>
      </c>
      <c r="U34" s="3" t="s">
        <v>37</v>
      </c>
      <c r="V34" s="3" t="s">
        <v>37</v>
      </c>
    </row>
    <row r="35" spans="1:22" x14ac:dyDescent="0.25">
      <c r="A35" s="3" t="s">
        <v>913</v>
      </c>
      <c r="B35" s="4" t="s">
        <v>23</v>
      </c>
      <c r="C35" s="3" t="s">
        <v>24</v>
      </c>
      <c r="D35" s="5" t="s">
        <v>145</v>
      </c>
      <c r="E35" s="3" t="s">
        <v>936</v>
      </c>
      <c r="F35" s="3" t="s">
        <v>1048</v>
      </c>
      <c r="G35" s="3" t="s">
        <v>734</v>
      </c>
      <c r="H35" s="3" t="s">
        <v>64</v>
      </c>
      <c r="I35" s="3" t="s">
        <v>938</v>
      </c>
      <c r="J35" s="3" t="s">
        <v>1049</v>
      </c>
      <c r="K35" s="3" t="s">
        <v>32</v>
      </c>
      <c r="L35" s="3" t="s">
        <v>33</v>
      </c>
      <c r="M35" s="3" t="s">
        <v>940</v>
      </c>
      <c r="N35" s="3" t="s">
        <v>80</v>
      </c>
      <c r="O35" s="3" t="s">
        <v>152</v>
      </c>
      <c r="P35" s="3" t="s">
        <v>37</v>
      </c>
      <c r="Q35" s="3" t="s">
        <v>37</v>
      </c>
      <c r="R35" s="3" t="s">
        <v>38</v>
      </c>
      <c r="S35" s="3" t="s">
        <v>1050</v>
      </c>
      <c r="T35" s="3" t="s">
        <v>37</v>
      </c>
      <c r="U35" s="3" t="s">
        <v>37</v>
      </c>
      <c r="V35" s="3" t="s">
        <v>37</v>
      </c>
    </row>
    <row r="36" spans="1:22" x14ac:dyDescent="0.25">
      <c r="A36" s="3" t="s">
        <v>913</v>
      </c>
      <c r="B36" s="4" t="s">
        <v>23</v>
      </c>
      <c r="C36" s="3" t="s">
        <v>24</v>
      </c>
      <c r="D36" s="5" t="s">
        <v>146</v>
      </c>
      <c r="E36" s="3" t="s">
        <v>1051</v>
      </c>
      <c r="F36" s="3" t="s">
        <v>1052</v>
      </c>
      <c r="G36" s="3" t="s">
        <v>439</v>
      </c>
      <c r="H36" s="3" t="s">
        <v>64</v>
      </c>
      <c r="I36" s="3" t="s">
        <v>37</v>
      </c>
      <c r="J36" s="3" t="s">
        <v>1053</v>
      </c>
      <c r="K36" s="3" t="s">
        <v>32</v>
      </c>
      <c r="L36" s="3" t="s">
        <v>33</v>
      </c>
      <c r="M36" s="3" t="s">
        <v>66</v>
      </c>
      <c r="N36" s="3" t="s">
        <v>137</v>
      </c>
      <c r="O36" s="3" t="s">
        <v>86</v>
      </c>
      <c r="P36" s="3" t="s">
        <v>37</v>
      </c>
      <c r="Q36" s="3" t="s">
        <v>37</v>
      </c>
      <c r="R36" s="3" t="s">
        <v>38</v>
      </c>
      <c r="S36" s="3" t="s">
        <v>1054</v>
      </c>
      <c r="T36" s="3" t="s">
        <v>37</v>
      </c>
      <c r="U36" s="3" t="s">
        <v>37</v>
      </c>
      <c r="V36" s="3" t="s">
        <v>37</v>
      </c>
    </row>
    <row r="37" spans="1:22" x14ac:dyDescent="0.25">
      <c r="A37" s="3" t="s">
        <v>913</v>
      </c>
      <c r="B37" s="4" t="s">
        <v>23</v>
      </c>
      <c r="C37" s="3" t="s">
        <v>24</v>
      </c>
      <c r="D37" s="5" t="s">
        <v>159</v>
      </c>
      <c r="E37" s="3" t="s">
        <v>1051</v>
      </c>
      <c r="F37" s="3" t="s">
        <v>1055</v>
      </c>
      <c r="G37" s="3" t="s">
        <v>444</v>
      </c>
      <c r="H37" s="3" t="s">
        <v>64</v>
      </c>
      <c r="I37" s="3" t="s">
        <v>1056</v>
      </c>
      <c r="J37" s="3" t="s">
        <v>1057</v>
      </c>
      <c r="K37" s="3" t="s">
        <v>32</v>
      </c>
      <c r="L37" s="3" t="s">
        <v>33</v>
      </c>
      <c r="M37" s="3" t="s">
        <v>66</v>
      </c>
      <c r="N37" s="3" t="s">
        <v>137</v>
      </c>
      <c r="O37" s="3" t="s">
        <v>86</v>
      </c>
      <c r="P37" s="3" t="s">
        <v>37</v>
      </c>
      <c r="Q37" s="3" t="s">
        <v>37</v>
      </c>
      <c r="R37" s="3" t="s">
        <v>38</v>
      </c>
      <c r="S37" s="3" t="s">
        <v>1058</v>
      </c>
      <c r="T37" s="3" t="s">
        <v>37</v>
      </c>
      <c r="U37" s="3" t="s">
        <v>37</v>
      </c>
      <c r="V37" s="3" t="s">
        <v>37</v>
      </c>
    </row>
    <row r="38" spans="1:22" x14ac:dyDescent="0.25">
      <c r="A38" s="3" t="s">
        <v>913</v>
      </c>
      <c r="B38" s="4" t="s">
        <v>23</v>
      </c>
      <c r="C38" s="3" t="s">
        <v>24</v>
      </c>
      <c r="D38" s="5" t="s">
        <v>1059</v>
      </c>
      <c r="E38" s="3" t="s">
        <v>931</v>
      </c>
      <c r="F38" s="3" t="s">
        <v>1060</v>
      </c>
      <c r="G38" s="3" t="s">
        <v>734</v>
      </c>
      <c r="H38" s="3" t="s">
        <v>64</v>
      </c>
      <c r="I38" s="3" t="s">
        <v>37</v>
      </c>
      <c r="J38" s="3" t="s">
        <v>1061</v>
      </c>
      <c r="K38" s="3" t="s">
        <v>32</v>
      </c>
      <c r="L38" s="3" t="s">
        <v>33</v>
      </c>
      <c r="M38" s="3" t="s">
        <v>66</v>
      </c>
      <c r="N38" s="3" t="s">
        <v>67</v>
      </c>
      <c r="O38" s="3" t="s">
        <v>52</v>
      </c>
      <c r="P38" s="3" t="s">
        <v>37</v>
      </c>
      <c r="Q38" s="3" t="s">
        <v>37</v>
      </c>
      <c r="R38" s="3" t="s">
        <v>38</v>
      </c>
      <c r="S38" s="3" t="s">
        <v>1062</v>
      </c>
      <c r="T38" s="3" t="s">
        <v>37</v>
      </c>
      <c r="U38" s="3" t="s">
        <v>37</v>
      </c>
      <c r="V38" s="3" t="s">
        <v>37</v>
      </c>
    </row>
    <row r="39" spans="1:22" x14ac:dyDescent="0.25">
      <c r="A39" s="3" t="s">
        <v>913</v>
      </c>
      <c r="B39" s="4" t="s">
        <v>23</v>
      </c>
      <c r="C39" s="3" t="s">
        <v>24</v>
      </c>
      <c r="D39" s="5" t="s">
        <v>1063</v>
      </c>
      <c r="E39" s="3" t="s">
        <v>961</v>
      </c>
      <c r="F39" s="3" t="s">
        <v>977</v>
      </c>
      <c r="G39" s="3" t="s">
        <v>216</v>
      </c>
      <c r="H39" s="3" t="s">
        <v>78</v>
      </c>
      <c r="I39" s="3" t="s">
        <v>37</v>
      </c>
      <c r="J39" s="7" t="s">
        <v>1064</v>
      </c>
      <c r="K39" s="3" t="s">
        <v>32</v>
      </c>
      <c r="L39" s="3" t="s">
        <v>33</v>
      </c>
      <c r="M39" s="3" t="s">
        <v>66</v>
      </c>
      <c r="N39" s="3" t="s">
        <v>80</v>
      </c>
      <c r="O39" s="3" t="s">
        <v>86</v>
      </c>
      <c r="P39" s="3" t="s">
        <v>37</v>
      </c>
      <c r="Q39" s="3" t="s">
        <v>37</v>
      </c>
      <c r="R39" s="3" t="s">
        <v>38</v>
      </c>
      <c r="S39" s="3" t="s">
        <v>1065</v>
      </c>
      <c r="T39" s="3"/>
      <c r="U39" s="3" t="s">
        <v>37</v>
      </c>
      <c r="V39" s="3" t="s">
        <v>37</v>
      </c>
    </row>
    <row r="40" spans="1:22" x14ac:dyDescent="0.25">
      <c r="A40" s="3" t="s">
        <v>913</v>
      </c>
      <c r="B40" s="4" t="s">
        <v>23</v>
      </c>
      <c r="C40" s="3" t="s">
        <v>24</v>
      </c>
      <c r="D40" s="5" t="s">
        <v>1066</v>
      </c>
      <c r="E40" s="3" t="s">
        <v>972</v>
      </c>
      <c r="F40" s="3" t="s">
        <v>1067</v>
      </c>
      <c r="G40" s="3" t="s">
        <v>71</v>
      </c>
      <c r="H40" s="3" t="s">
        <v>64</v>
      </c>
      <c r="I40" s="3" t="s">
        <v>37</v>
      </c>
      <c r="J40" s="3" t="s">
        <v>974</v>
      </c>
      <c r="K40" s="3" t="s">
        <v>32</v>
      </c>
      <c r="L40" s="3" t="s">
        <v>33</v>
      </c>
      <c r="M40" s="3" t="s">
        <v>66</v>
      </c>
      <c r="N40" s="3" t="s">
        <v>80</v>
      </c>
      <c r="O40" s="3" t="s">
        <v>86</v>
      </c>
      <c r="P40" s="3" t="s">
        <v>37</v>
      </c>
      <c r="Q40" s="3" t="s">
        <v>37</v>
      </c>
      <c r="R40" s="3" t="s">
        <v>38</v>
      </c>
      <c r="S40" s="3" t="s">
        <v>1068</v>
      </c>
      <c r="T40" s="3" t="s">
        <v>37</v>
      </c>
      <c r="U40" s="3" t="s">
        <v>37</v>
      </c>
      <c r="V40" s="3" t="s">
        <v>37</v>
      </c>
    </row>
    <row r="41" spans="1:22" x14ac:dyDescent="0.25">
      <c r="A41" s="3" t="s">
        <v>913</v>
      </c>
      <c r="B41" s="4" t="s">
        <v>23</v>
      </c>
      <c r="C41" s="3" t="s">
        <v>24</v>
      </c>
      <c r="D41" s="5" t="s">
        <v>1069</v>
      </c>
      <c r="E41" s="3" t="s">
        <v>914</v>
      </c>
      <c r="F41" s="3" t="s">
        <v>1070</v>
      </c>
      <c r="G41" s="3" t="s">
        <v>1071</v>
      </c>
      <c r="H41" s="3" t="s">
        <v>71</v>
      </c>
      <c r="I41" s="3" t="s">
        <v>1072</v>
      </c>
      <c r="J41" s="3" t="s">
        <v>1073</v>
      </c>
      <c r="K41" s="3" t="s">
        <v>32</v>
      </c>
      <c r="L41" s="3" t="s">
        <v>33</v>
      </c>
      <c r="M41" s="3" t="s">
        <v>66</v>
      </c>
      <c r="N41" s="3" t="s">
        <v>72</v>
      </c>
      <c r="O41" s="3" t="s">
        <v>86</v>
      </c>
      <c r="P41" s="3" t="s">
        <v>37</v>
      </c>
      <c r="Q41" s="3" t="s">
        <v>37</v>
      </c>
      <c r="R41" s="3" t="s">
        <v>38</v>
      </c>
      <c r="S41" s="3" t="s">
        <v>1074</v>
      </c>
      <c r="T41" s="3" t="s">
        <v>37</v>
      </c>
      <c r="U41" s="3" t="s">
        <v>37</v>
      </c>
      <c r="V41" s="3" t="s">
        <v>37</v>
      </c>
    </row>
    <row r="42" spans="1:22" x14ac:dyDescent="0.25">
      <c r="A42" s="3" t="s">
        <v>913</v>
      </c>
      <c r="B42" s="4" t="s">
        <v>23</v>
      </c>
      <c r="C42" s="3" t="s">
        <v>24</v>
      </c>
      <c r="D42" s="5" t="s">
        <v>1075</v>
      </c>
      <c r="E42" s="3" t="s">
        <v>914</v>
      </c>
      <c r="F42" s="3" t="s">
        <v>1076</v>
      </c>
      <c r="G42" s="3" t="s">
        <v>1077</v>
      </c>
      <c r="H42" s="3" t="s">
        <v>71</v>
      </c>
      <c r="I42" s="3" t="s">
        <v>983</v>
      </c>
      <c r="J42" s="3" t="s">
        <v>1078</v>
      </c>
      <c r="K42" s="3" t="s">
        <v>32</v>
      </c>
      <c r="L42" s="3" t="s">
        <v>33</v>
      </c>
      <c r="M42" s="3" t="s">
        <v>66</v>
      </c>
      <c r="N42" s="3" t="s">
        <v>72</v>
      </c>
      <c r="O42" s="3" t="s">
        <v>86</v>
      </c>
      <c r="P42" s="3" t="s">
        <v>37</v>
      </c>
      <c r="Q42" s="3" t="s">
        <v>37</v>
      </c>
      <c r="R42" s="3" t="s">
        <v>38</v>
      </c>
      <c r="S42" s="3" t="s">
        <v>1079</v>
      </c>
      <c r="T42" s="3" t="s">
        <v>37</v>
      </c>
      <c r="U42" s="3" t="s">
        <v>37</v>
      </c>
      <c r="V42" s="3" t="s">
        <v>37</v>
      </c>
    </row>
    <row r="43" spans="1:22" x14ac:dyDescent="0.25">
      <c r="A43" s="3" t="s">
        <v>913</v>
      </c>
      <c r="B43" s="4" t="s">
        <v>23</v>
      </c>
      <c r="C43" s="3" t="s">
        <v>24</v>
      </c>
      <c r="D43" s="5" t="s">
        <v>1080</v>
      </c>
      <c r="E43" s="3" t="s">
        <v>1081</v>
      </c>
      <c r="F43" s="3" t="s">
        <v>1082</v>
      </c>
      <c r="G43" s="3" t="s">
        <v>1083</v>
      </c>
      <c r="H43" s="3" t="s">
        <v>78</v>
      </c>
      <c r="I43" s="3" t="s">
        <v>37</v>
      </c>
      <c r="J43" s="3" t="s">
        <v>1084</v>
      </c>
      <c r="K43" s="3" t="s">
        <v>32</v>
      </c>
      <c r="L43" s="3" t="s">
        <v>33</v>
      </c>
      <c r="M43" s="3" t="s">
        <v>66</v>
      </c>
      <c r="N43" s="3" t="s">
        <v>67</v>
      </c>
      <c r="O43" s="3" t="s">
        <v>52</v>
      </c>
      <c r="P43" s="3" t="s">
        <v>37</v>
      </c>
      <c r="Q43" s="3" t="s">
        <v>37</v>
      </c>
      <c r="R43" s="3" t="s">
        <v>38</v>
      </c>
      <c r="S43" s="3" t="s">
        <v>1085</v>
      </c>
      <c r="T43" s="3" t="s">
        <v>37</v>
      </c>
      <c r="U43" s="3" t="s">
        <v>37</v>
      </c>
      <c r="V43" s="3" t="s">
        <v>37</v>
      </c>
    </row>
    <row r="44" spans="1:22" x14ac:dyDescent="0.25">
      <c r="A44" s="3" t="s">
        <v>913</v>
      </c>
      <c r="B44" s="4" t="s">
        <v>23</v>
      </c>
      <c r="C44" s="3" t="s">
        <v>24</v>
      </c>
      <c r="D44" s="5" t="s">
        <v>200</v>
      </c>
      <c r="E44" s="3" t="s">
        <v>1086</v>
      </c>
      <c r="F44" s="3" t="s">
        <v>1087</v>
      </c>
      <c r="G44" s="3" t="s">
        <v>1088</v>
      </c>
      <c r="H44" s="3" t="s">
        <v>225</v>
      </c>
      <c r="I44" s="3" t="s">
        <v>407</v>
      </c>
      <c r="J44" s="3" t="s">
        <v>1089</v>
      </c>
      <c r="K44" s="3" t="s">
        <v>32</v>
      </c>
      <c r="L44" s="3" t="s">
        <v>33</v>
      </c>
      <c r="M44" s="3" t="s">
        <v>66</v>
      </c>
      <c r="N44" s="3" t="s">
        <v>51</v>
      </c>
      <c r="O44" s="3" t="s">
        <v>36</v>
      </c>
      <c r="P44" s="3" t="s">
        <v>37</v>
      </c>
      <c r="Q44" s="3" t="s">
        <v>37</v>
      </c>
      <c r="R44" s="3" t="s">
        <v>38</v>
      </c>
      <c r="S44" s="3" t="s">
        <v>1090</v>
      </c>
      <c r="T44" s="3" t="s">
        <v>37</v>
      </c>
      <c r="U44" s="3" t="s">
        <v>37</v>
      </c>
      <c r="V44" s="3" t="s">
        <v>37</v>
      </c>
    </row>
    <row r="45" spans="1:22" x14ac:dyDescent="0.25">
      <c r="A45" s="3" t="s">
        <v>913</v>
      </c>
      <c r="B45" s="4" t="s">
        <v>23</v>
      </c>
      <c r="C45" s="3" t="s">
        <v>24</v>
      </c>
      <c r="D45" s="5" t="s">
        <v>1091</v>
      </c>
      <c r="E45" s="3" t="s">
        <v>1086</v>
      </c>
      <c r="F45" s="3" t="s">
        <v>1092</v>
      </c>
      <c r="G45" s="3" t="s">
        <v>522</v>
      </c>
      <c r="H45" s="3" t="s">
        <v>29</v>
      </c>
      <c r="I45" s="3" t="s">
        <v>1093</v>
      </c>
      <c r="J45" s="3" t="s">
        <v>1094</v>
      </c>
      <c r="K45" s="3" t="s">
        <v>32</v>
      </c>
      <c r="L45" s="3" t="s">
        <v>33</v>
      </c>
      <c r="M45" s="3" t="s">
        <v>66</v>
      </c>
      <c r="N45" s="3" t="s">
        <v>370</v>
      </c>
      <c r="O45" s="3" t="s">
        <v>36</v>
      </c>
      <c r="P45" s="3" t="s">
        <v>37</v>
      </c>
      <c r="Q45" s="3" t="s">
        <v>37</v>
      </c>
      <c r="R45" s="3" t="s">
        <v>38</v>
      </c>
      <c r="S45" s="3" t="s">
        <v>1095</v>
      </c>
      <c r="T45" s="3" t="s">
        <v>37</v>
      </c>
      <c r="U45" s="3" t="s">
        <v>37</v>
      </c>
      <c r="V45" s="3" t="s">
        <v>37</v>
      </c>
    </row>
    <row r="46" spans="1:22" x14ac:dyDescent="0.25">
      <c r="A46" s="3" t="s">
        <v>913</v>
      </c>
      <c r="B46" s="4" t="s">
        <v>23</v>
      </c>
      <c r="C46" s="3" t="s">
        <v>24</v>
      </c>
      <c r="D46" s="5" t="s">
        <v>489</v>
      </c>
      <c r="E46" s="3" t="s">
        <v>490</v>
      </c>
      <c r="F46" s="3" t="s">
        <v>673</v>
      </c>
      <c r="G46" s="3" t="s">
        <v>565</v>
      </c>
      <c r="H46" s="3" t="s">
        <v>64</v>
      </c>
      <c r="I46" s="3" t="s">
        <v>791</v>
      </c>
      <c r="J46" s="3" t="s">
        <v>674</v>
      </c>
      <c r="K46" s="3" t="s">
        <v>32</v>
      </c>
      <c r="L46" s="3" t="s">
        <v>494</v>
      </c>
      <c r="M46" s="3" t="s">
        <v>34</v>
      </c>
      <c r="N46" s="3" t="s">
        <v>35</v>
      </c>
      <c r="O46" s="3" t="s">
        <v>86</v>
      </c>
      <c r="P46" s="3" t="s">
        <v>37</v>
      </c>
      <c r="Q46" s="3" t="s">
        <v>37</v>
      </c>
      <c r="R46" s="3" t="s">
        <v>38</v>
      </c>
      <c r="S46" s="3" t="s">
        <v>675</v>
      </c>
      <c r="T46" s="3" t="s">
        <v>37</v>
      </c>
      <c r="U46" s="3" t="s">
        <v>37</v>
      </c>
      <c r="V46" s="3" t="s">
        <v>37</v>
      </c>
    </row>
    <row r="47" spans="1:22" x14ac:dyDescent="0.25">
      <c r="A47" s="3" t="s">
        <v>913</v>
      </c>
      <c r="B47" s="4" t="s">
        <v>23</v>
      </c>
      <c r="C47" s="3" t="s">
        <v>24</v>
      </c>
      <c r="D47" s="5" t="s">
        <v>1096</v>
      </c>
      <c r="E47" s="3" t="s">
        <v>490</v>
      </c>
      <c r="F47" s="3" t="s">
        <v>676</v>
      </c>
      <c r="G47" s="3" t="s">
        <v>134</v>
      </c>
      <c r="H47" s="3" t="s">
        <v>64</v>
      </c>
      <c r="I47" s="3" t="s">
        <v>498</v>
      </c>
      <c r="J47" s="3" t="s">
        <v>677</v>
      </c>
      <c r="K47" s="3" t="s">
        <v>32</v>
      </c>
      <c r="L47" s="3" t="s">
        <v>494</v>
      </c>
      <c r="M47" s="3" t="s">
        <v>34</v>
      </c>
      <c r="N47" s="3" t="s">
        <v>35</v>
      </c>
      <c r="O47" s="3" t="s">
        <v>86</v>
      </c>
      <c r="P47" s="3" t="s">
        <v>37</v>
      </c>
      <c r="Q47" s="3" t="s">
        <v>37</v>
      </c>
      <c r="R47" s="3" t="s">
        <v>38</v>
      </c>
      <c r="S47" s="3" t="s">
        <v>678</v>
      </c>
      <c r="T47" s="3" t="s">
        <v>37</v>
      </c>
      <c r="U47" s="3" t="s">
        <v>37</v>
      </c>
      <c r="V47" s="3" t="s">
        <v>37</v>
      </c>
    </row>
    <row r="48" spans="1:22" x14ac:dyDescent="0.25">
      <c r="A48" s="3" t="s">
        <v>913</v>
      </c>
      <c r="B48" s="4" t="s">
        <v>23</v>
      </c>
      <c r="C48" s="3" t="s">
        <v>24</v>
      </c>
      <c r="D48" s="5" t="s">
        <v>219</v>
      </c>
      <c r="E48" s="3" t="s">
        <v>490</v>
      </c>
      <c r="F48" s="3" t="s">
        <v>786</v>
      </c>
      <c r="G48" s="3" t="s">
        <v>734</v>
      </c>
      <c r="H48" s="3" t="s">
        <v>64</v>
      </c>
      <c r="I48" s="3" t="s">
        <v>787</v>
      </c>
      <c r="J48" s="3" t="s">
        <v>788</v>
      </c>
      <c r="K48" s="3" t="s">
        <v>32</v>
      </c>
      <c r="L48" s="3" t="s">
        <v>494</v>
      </c>
      <c r="M48" s="3" t="s">
        <v>34</v>
      </c>
      <c r="N48" s="3" t="s">
        <v>35</v>
      </c>
      <c r="O48" s="3" t="s">
        <v>86</v>
      </c>
      <c r="P48" s="3" t="s">
        <v>37</v>
      </c>
      <c r="Q48" s="3" t="s">
        <v>37</v>
      </c>
      <c r="R48" s="3" t="s">
        <v>38</v>
      </c>
      <c r="S48" s="3" t="s">
        <v>789</v>
      </c>
      <c r="T48" s="3" t="s">
        <v>37</v>
      </c>
      <c r="U48" s="3" t="s">
        <v>37</v>
      </c>
      <c r="V48" s="3" t="s">
        <v>37</v>
      </c>
    </row>
    <row r="49" spans="1:22" x14ac:dyDescent="0.25">
      <c r="A49" s="3" t="s">
        <v>913</v>
      </c>
      <c r="B49" s="4" t="s">
        <v>23</v>
      </c>
      <c r="C49" s="3" t="s">
        <v>24</v>
      </c>
      <c r="D49" s="5" t="s">
        <v>378</v>
      </c>
      <c r="E49" s="3" t="s">
        <v>925</v>
      </c>
      <c r="F49" s="3" t="s">
        <v>1097</v>
      </c>
      <c r="G49" s="3" t="s">
        <v>142</v>
      </c>
      <c r="H49" s="3" t="s">
        <v>64</v>
      </c>
      <c r="I49" s="3" t="s">
        <v>927</v>
      </c>
      <c r="J49" s="3" t="s">
        <v>1098</v>
      </c>
      <c r="K49" s="3" t="s">
        <v>32</v>
      </c>
      <c r="L49" s="3" t="s">
        <v>33</v>
      </c>
      <c r="M49" s="3" t="s">
        <v>34</v>
      </c>
      <c r="N49" s="3" t="s">
        <v>67</v>
      </c>
      <c r="O49" s="3" t="s">
        <v>52</v>
      </c>
      <c r="P49" s="3" t="s">
        <v>37</v>
      </c>
      <c r="Q49" s="3" t="s">
        <v>37</v>
      </c>
      <c r="R49" s="3" t="s">
        <v>38</v>
      </c>
      <c r="S49" s="3" t="s">
        <v>1099</v>
      </c>
      <c r="T49" s="3" t="s">
        <v>37</v>
      </c>
      <c r="U49" s="3" t="s">
        <v>37</v>
      </c>
      <c r="V49" s="3" t="s">
        <v>37</v>
      </c>
    </row>
    <row r="50" spans="1:22" x14ac:dyDescent="0.25">
      <c r="A50" s="3" t="s">
        <v>913</v>
      </c>
      <c r="B50" s="4" t="s">
        <v>23</v>
      </c>
      <c r="C50" s="3" t="s">
        <v>24</v>
      </c>
      <c r="D50" s="5" t="s">
        <v>228</v>
      </c>
      <c r="E50" s="3" t="s">
        <v>925</v>
      </c>
      <c r="F50" s="3" t="s">
        <v>1100</v>
      </c>
      <c r="G50" s="3" t="s">
        <v>741</v>
      </c>
      <c r="H50" s="3" t="s">
        <v>64</v>
      </c>
      <c r="I50" s="3" t="s">
        <v>927</v>
      </c>
      <c r="J50" s="3" t="s">
        <v>1101</v>
      </c>
      <c r="K50" s="3" t="s">
        <v>32</v>
      </c>
      <c r="L50" s="3" t="s">
        <v>33</v>
      </c>
      <c r="M50" s="3" t="s">
        <v>34</v>
      </c>
      <c r="N50" s="3" t="s">
        <v>67</v>
      </c>
      <c r="O50" s="3" t="s">
        <v>52</v>
      </c>
      <c r="P50" s="3" t="s">
        <v>37</v>
      </c>
      <c r="Q50" s="3" t="s">
        <v>37</v>
      </c>
      <c r="R50" s="3" t="s">
        <v>38</v>
      </c>
      <c r="S50" s="3" t="s">
        <v>1102</v>
      </c>
      <c r="T50" s="3" t="s">
        <v>37</v>
      </c>
      <c r="U50" s="3" t="s">
        <v>37</v>
      </c>
      <c r="V50" s="3" t="s">
        <v>37</v>
      </c>
    </row>
    <row r="51" spans="1:22" x14ac:dyDescent="0.25">
      <c r="A51" s="3" t="s">
        <v>913</v>
      </c>
      <c r="B51" s="4" t="s">
        <v>23</v>
      </c>
      <c r="C51" s="3" t="s">
        <v>24</v>
      </c>
      <c r="D51" s="5" t="s">
        <v>1103</v>
      </c>
      <c r="E51" s="3" t="s">
        <v>925</v>
      </c>
      <c r="F51" s="3" t="s">
        <v>1104</v>
      </c>
      <c r="G51" s="3" t="s">
        <v>704</v>
      </c>
      <c r="H51" s="3" t="s">
        <v>64</v>
      </c>
      <c r="I51" s="3" t="s">
        <v>927</v>
      </c>
      <c r="J51" s="3" t="s">
        <v>1105</v>
      </c>
      <c r="K51" s="3" t="s">
        <v>32</v>
      </c>
      <c r="L51" s="3" t="s">
        <v>33</v>
      </c>
      <c r="M51" s="3" t="s">
        <v>34</v>
      </c>
      <c r="N51" s="3" t="s">
        <v>67</v>
      </c>
      <c r="O51" s="3" t="s">
        <v>52</v>
      </c>
      <c r="P51" s="3" t="s">
        <v>37</v>
      </c>
      <c r="Q51" s="3" t="s">
        <v>37</v>
      </c>
      <c r="R51" s="3" t="s">
        <v>38</v>
      </c>
      <c r="S51" s="3" t="s">
        <v>1106</v>
      </c>
      <c r="T51" s="3" t="s">
        <v>37</v>
      </c>
      <c r="U51" s="3" t="s">
        <v>37</v>
      </c>
      <c r="V51" s="3" t="s">
        <v>37</v>
      </c>
    </row>
    <row r="52" spans="1:22" x14ac:dyDescent="0.25">
      <c r="A52" s="3" t="s">
        <v>913</v>
      </c>
      <c r="B52" s="4" t="s">
        <v>23</v>
      </c>
      <c r="C52" s="3" t="s">
        <v>24</v>
      </c>
      <c r="D52" s="5" t="s">
        <v>238</v>
      </c>
      <c r="E52" s="3" t="s">
        <v>925</v>
      </c>
      <c r="F52" s="3" t="s">
        <v>1107</v>
      </c>
      <c r="G52" s="3" t="s">
        <v>235</v>
      </c>
      <c r="H52" s="3" t="s">
        <v>64</v>
      </c>
      <c r="I52" s="3" t="s">
        <v>927</v>
      </c>
      <c r="J52" s="3" t="s">
        <v>1108</v>
      </c>
      <c r="K52" s="3" t="s">
        <v>32</v>
      </c>
      <c r="L52" s="3" t="s">
        <v>33</v>
      </c>
      <c r="M52" s="3" t="s">
        <v>34</v>
      </c>
      <c r="N52" s="3" t="s">
        <v>67</v>
      </c>
      <c r="O52" s="3" t="s">
        <v>52</v>
      </c>
      <c r="P52" s="3" t="s">
        <v>37</v>
      </c>
      <c r="Q52" s="3" t="s">
        <v>37</v>
      </c>
      <c r="R52" s="3" t="s">
        <v>38</v>
      </c>
      <c r="S52" s="3" t="s">
        <v>1109</v>
      </c>
      <c r="T52" s="3" t="s">
        <v>37</v>
      </c>
      <c r="U52" s="3" t="s">
        <v>37</v>
      </c>
      <c r="V52" s="3" t="s">
        <v>37</v>
      </c>
    </row>
    <row r="53" spans="1:22" x14ac:dyDescent="0.25">
      <c r="A53" s="3" t="s">
        <v>913</v>
      </c>
      <c r="B53" s="4" t="s">
        <v>23</v>
      </c>
      <c r="C53" s="3" t="s">
        <v>24</v>
      </c>
      <c r="D53" s="5" t="s">
        <v>1110</v>
      </c>
      <c r="E53" s="3" t="s">
        <v>490</v>
      </c>
      <c r="F53" s="3" t="s">
        <v>1111</v>
      </c>
      <c r="G53" s="3" t="s">
        <v>77</v>
      </c>
      <c r="H53" s="3" t="s">
        <v>78</v>
      </c>
      <c r="I53" s="3" t="s">
        <v>1112</v>
      </c>
      <c r="J53" s="3" t="s">
        <v>1113</v>
      </c>
      <c r="K53" s="3" t="s">
        <v>32</v>
      </c>
      <c r="L53" s="3" t="s">
        <v>33</v>
      </c>
      <c r="M53" s="3" t="s">
        <v>34</v>
      </c>
      <c r="N53" s="3" t="s">
        <v>80</v>
      </c>
      <c r="O53" s="3" t="s">
        <v>86</v>
      </c>
      <c r="P53" s="3" t="s">
        <v>37</v>
      </c>
      <c r="Q53" s="3" t="s">
        <v>37</v>
      </c>
      <c r="R53" s="3" t="s">
        <v>38</v>
      </c>
      <c r="S53" s="3" t="s">
        <v>1114</v>
      </c>
      <c r="T53" s="3" t="s">
        <v>37</v>
      </c>
      <c r="U53" s="3" t="s">
        <v>37</v>
      </c>
      <c r="V53" s="3" t="s">
        <v>37</v>
      </c>
    </row>
    <row r="54" spans="1:22" x14ac:dyDescent="0.25">
      <c r="A54" s="3"/>
      <c r="B54" s="4"/>
      <c r="C54" s="3"/>
      <c r="D54" s="5"/>
      <c r="E54" s="6" t="s">
        <v>1115</v>
      </c>
      <c r="F54" s="3"/>
      <c r="G54" s="3"/>
      <c r="H54" s="3"/>
      <c r="I54" s="3"/>
      <c r="J54" s="3"/>
      <c r="K54" s="3"/>
      <c r="L54" s="3"/>
      <c r="M54" s="3"/>
      <c r="N54" s="3"/>
      <c r="O54" s="3"/>
      <c r="P54" s="3"/>
      <c r="Q54" s="3"/>
      <c r="R54" s="3"/>
      <c r="S54" s="3"/>
      <c r="T54" s="3"/>
      <c r="U54" s="3"/>
      <c r="V54" s="3"/>
    </row>
    <row r="55" spans="1:22" x14ac:dyDescent="0.25">
      <c r="A55" s="3"/>
      <c r="B55" s="4"/>
      <c r="C55" s="3"/>
      <c r="D55" s="5"/>
      <c r="E55" s="3"/>
      <c r="F55" s="3"/>
      <c r="G55" s="3"/>
      <c r="H55" s="3"/>
      <c r="I55" s="3"/>
      <c r="J55" s="3"/>
      <c r="K55" s="3"/>
      <c r="L55" s="3"/>
      <c r="M55" s="3"/>
      <c r="N55" s="3"/>
      <c r="O55" s="3"/>
      <c r="P55" s="3"/>
      <c r="Q55" s="3"/>
      <c r="R55" s="3"/>
      <c r="S55" s="3"/>
      <c r="T55" s="3"/>
      <c r="U55" s="3"/>
      <c r="V55" s="3"/>
    </row>
    <row r="56" spans="1:22" x14ac:dyDescent="0.25">
      <c r="A56" s="3" t="s">
        <v>913</v>
      </c>
      <c r="B56" s="4" t="s">
        <v>249</v>
      </c>
      <c r="C56" s="3" t="s">
        <v>250</v>
      </c>
      <c r="D56" s="5" t="s">
        <v>25</v>
      </c>
      <c r="E56" s="3" t="s">
        <v>914</v>
      </c>
      <c r="F56" s="3" t="s">
        <v>1116</v>
      </c>
      <c r="G56" s="3" t="s">
        <v>197</v>
      </c>
      <c r="H56" s="3" t="s">
        <v>29</v>
      </c>
      <c r="I56" s="3" t="s">
        <v>1117</v>
      </c>
      <c r="J56" s="3" t="s">
        <v>1118</v>
      </c>
      <c r="K56" s="3" t="s">
        <v>32</v>
      </c>
      <c r="L56" s="3" t="s">
        <v>33</v>
      </c>
      <c r="M56" s="3" t="s">
        <v>66</v>
      </c>
      <c r="N56" s="3" t="s">
        <v>918</v>
      </c>
      <c r="O56" s="3" t="s">
        <v>86</v>
      </c>
      <c r="P56" s="3" t="s">
        <v>37</v>
      </c>
      <c r="Q56" s="3" t="s">
        <v>37</v>
      </c>
      <c r="R56" s="3" t="s">
        <v>38</v>
      </c>
      <c r="S56" s="3" t="s">
        <v>1119</v>
      </c>
      <c r="T56" s="3" t="s">
        <v>37</v>
      </c>
      <c r="U56" s="3" t="s">
        <v>37</v>
      </c>
      <c r="V56" s="3" t="s">
        <v>37</v>
      </c>
    </row>
    <row r="57" spans="1:22" x14ac:dyDescent="0.25">
      <c r="A57" s="3" t="s">
        <v>913</v>
      </c>
      <c r="B57" s="4" t="s">
        <v>249</v>
      </c>
      <c r="C57" s="3" t="s">
        <v>250</v>
      </c>
      <c r="D57" s="5" t="s">
        <v>920</v>
      </c>
      <c r="E57" s="3" t="s">
        <v>914</v>
      </c>
      <c r="F57" s="3" t="s">
        <v>1120</v>
      </c>
      <c r="G57" s="3" t="s">
        <v>816</v>
      </c>
      <c r="H57" s="3" t="s">
        <v>29</v>
      </c>
      <c r="I57" s="3" t="s">
        <v>1121</v>
      </c>
      <c r="J57" s="3" t="s">
        <v>1122</v>
      </c>
      <c r="K57" s="3" t="s">
        <v>32</v>
      </c>
      <c r="L57" s="3" t="s">
        <v>33</v>
      </c>
      <c r="M57" s="3" t="s">
        <v>66</v>
      </c>
      <c r="N57" s="3" t="s">
        <v>918</v>
      </c>
      <c r="O57" s="3" t="s">
        <v>86</v>
      </c>
      <c r="P57" s="3" t="s">
        <v>37</v>
      </c>
      <c r="Q57" s="3" t="s">
        <v>37</v>
      </c>
      <c r="R57" s="3" t="s">
        <v>38</v>
      </c>
      <c r="S57" s="3" t="s">
        <v>1123</v>
      </c>
      <c r="T57" s="3" t="s">
        <v>37</v>
      </c>
      <c r="U57" s="3" t="s">
        <v>37</v>
      </c>
      <c r="V57" s="3" t="s">
        <v>37</v>
      </c>
    </row>
    <row r="58" spans="1:22" x14ac:dyDescent="0.25">
      <c r="A58" s="3" t="s">
        <v>913</v>
      </c>
      <c r="B58" s="4" t="s">
        <v>249</v>
      </c>
      <c r="C58" s="3" t="s">
        <v>250</v>
      </c>
      <c r="D58" s="5" t="s">
        <v>45</v>
      </c>
      <c r="E58" s="3" t="s">
        <v>925</v>
      </c>
      <c r="F58" s="3" t="s">
        <v>1124</v>
      </c>
      <c r="G58" s="3" t="s">
        <v>95</v>
      </c>
      <c r="H58" s="3" t="s">
        <v>64</v>
      </c>
      <c r="I58" s="3" t="s">
        <v>927</v>
      </c>
      <c r="J58" s="3" t="s">
        <v>1125</v>
      </c>
      <c r="K58" s="3" t="s">
        <v>32</v>
      </c>
      <c r="L58" s="3" t="s">
        <v>33</v>
      </c>
      <c r="M58" s="3" t="s">
        <v>34</v>
      </c>
      <c r="N58" s="3" t="s">
        <v>67</v>
      </c>
      <c r="O58" s="3" t="s">
        <v>52</v>
      </c>
      <c r="P58" s="3" t="s">
        <v>37</v>
      </c>
      <c r="Q58" s="3" t="s">
        <v>37</v>
      </c>
      <c r="R58" s="3" t="s">
        <v>38</v>
      </c>
      <c r="S58" s="3" t="s">
        <v>1126</v>
      </c>
      <c r="T58" s="3" t="s">
        <v>37</v>
      </c>
      <c r="U58" s="3" t="s">
        <v>37</v>
      </c>
      <c r="V58" s="3" t="s">
        <v>37</v>
      </c>
    </row>
    <row r="59" spans="1:22" x14ac:dyDescent="0.25">
      <c r="A59" s="3" t="s">
        <v>913</v>
      </c>
      <c r="B59" s="4" t="s">
        <v>249</v>
      </c>
      <c r="C59" s="3" t="s">
        <v>250</v>
      </c>
      <c r="D59" s="5" t="s">
        <v>930</v>
      </c>
      <c r="E59" s="3" t="s">
        <v>931</v>
      </c>
      <c r="F59" s="3" t="s">
        <v>1060</v>
      </c>
      <c r="G59" s="3" t="s">
        <v>734</v>
      </c>
      <c r="H59" s="3" t="s">
        <v>64</v>
      </c>
      <c r="I59" s="3" t="s">
        <v>37</v>
      </c>
      <c r="J59" s="3" t="s">
        <v>1061</v>
      </c>
      <c r="K59" s="3" t="s">
        <v>32</v>
      </c>
      <c r="L59" s="3" t="s">
        <v>33</v>
      </c>
      <c r="M59" s="3" t="s">
        <v>66</v>
      </c>
      <c r="N59" s="3" t="s">
        <v>67</v>
      </c>
      <c r="O59" s="3" t="s">
        <v>52</v>
      </c>
      <c r="P59" s="3" t="s">
        <v>37</v>
      </c>
      <c r="Q59" s="3" t="s">
        <v>37</v>
      </c>
      <c r="R59" s="3" t="s">
        <v>38</v>
      </c>
      <c r="S59" s="3" t="s">
        <v>1062</v>
      </c>
      <c r="T59" s="3" t="s">
        <v>37</v>
      </c>
      <c r="U59" s="3" t="s">
        <v>37</v>
      </c>
      <c r="V59" s="3" t="s">
        <v>37</v>
      </c>
    </row>
    <row r="60" spans="1:22" x14ac:dyDescent="0.25">
      <c r="A60" s="3" t="s">
        <v>913</v>
      </c>
      <c r="B60" s="4" t="s">
        <v>249</v>
      </c>
      <c r="C60" s="3" t="s">
        <v>250</v>
      </c>
      <c r="D60" s="5" t="s">
        <v>935</v>
      </c>
      <c r="E60" s="3" t="s">
        <v>936</v>
      </c>
      <c r="F60" s="3" t="s">
        <v>1127</v>
      </c>
      <c r="G60" s="3" t="s">
        <v>161</v>
      </c>
      <c r="H60" s="3" t="s">
        <v>64</v>
      </c>
      <c r="I60" s="3" t="s">
        <v>951</v>
      </c>
      <c r="J60" s="3" t="s">
        <v>1128</v>
      </c>
      <c r="K60" s="3" t="s">
        <v>32</v>
      </c>
      <c r="L60" s="3" t="s">
        <v>33</v>
      </c>
      <c r="M60" s="3" t="s">
        <v>940</v>
      </c>
      <c r="N60" s="3" t="s">
        <v>80</v>
      </c>
      <c r="O60" s="3" t="s">
        <v>152</v>
      </c>
      <c r="P60" s="3" t="s">
        <v>37</v>
      </c>
      <c r="Q60" s="3" t="s">
        <v>37</v>
      </c>
      <c r="R60" s="3" t="s">
        <v>38</v>
      </c>
      <c r="S60" s="3" t="s">
        <v>1129</v>
      </c>
      <c r="T60" s="3" t="s">
        <v>37</v>
      </c>
      <c r="U60" s="3" t="s">
        <v>37</v>
      </c>
      <c r="V60" s="3" t="s">
        <v>37</v>
      </c>
    </row>
    <row r="61" spans="1:22" x14ac:dyDescent="0.25">
      <c r="A61" s="3" t="s">
        <v>913</v>
      </c>
      <c r="B61" s="4" t="s">
        <v>249</v>
      </c>
      <c r="C61" s="3" t="s">
        <v>250</v>
      </c>
      <c r="D61" s="5" t="s">
        <v>942</v>
      </c>
      <c r="E61" s="3" t="s">
        <v>936</v>
      </c>
      <c r="F61" s="3" t="s">
        <v>1130</v>
      </c>
      <c r="G61" s="3" t="s">
        <v>329</v>
      </c>
      <c r="H61" s="3" t="s">
        <v>64</v>
      </c>
      <c r="I61" s="3" t="s">
        <v>951</v>
      </c>
      <c r="J61" s="3" t="s">
        <v>1131</v>
      </c>
      <c r="K61" s="3" t="s">
        <v>32</v>
      </c>
      <c r="L61" s="3" t="s">
        <v>33</v>
      </c>
      <c r="M61" s="3" t="s">
        <v>940</v>
      </c>
      <c r="N61" s="3" t="s">
        <v>80</v>
      </c>
      <c r="O61" s="3" t="s">
        <v>152</v>
      </c>
      <c r="P61" s="3" t="s">
        <v>37</v>
      </c>
      <c r="Q61" s="3" t="s">
        <v>37</v>
      </c>
      <c r="R61" s="3" t="s">
        <v>38</v>
      </c>
      <c r="S61" s="3" t="s">
        <v>1132</v>
      </c>
      <c r="T61" s="3" t="s">
        <v>37</v>
      </c>
      <c r="U61" s="3" t="s">
        <v>37</v>
      </c>
      <c r="V61" s="3" t="s">
        <v>37</v>
      </c>
    </row>
    <row r="62" spans="1:22" x14ac:dyDescent="0.25">
      <c r="A62" s="3" t="s">
        <v>913</v>
      </c>
      <c r="B62" s="4" t="s">
        <v>249</v>
      </c>
      <c r="C62" s="3" t="s">
        <v>250</v>
      </c>
      <c r="D62" s="5" t="s">
        <v>70</v>
      </c>
      <c r="E62" s="3" t="s">
        <v>936</v>
      </c>
      <c r="F62" s="3" t="s">
        <v>991</v>
      </c>
      <c r="G62" s="3" t="s">
        <v>57</v>
      </c>
      <c r="H62" s="3" t="s">
        <v>64</v>
      </c>
      <c r="I62" s="3" t="s">
        <v>938</v>
      </c>
      <c r="J62" s="3" t="s">
        <v>992</v>
      </c>
      <c r="K62" s="3" t="s">
        <v>32</v>
      </c>
      <c r="L62" s="3" t="s">
        <v>33</v>
      </c>
      <c r="M62" s="3" t="s">
        <v>940</v>
      </c>
      <c r="N62" s="3" t="s">
        <v>80</v>
      </c>
      <c r="O62" s="3" t="s">
        <v>152</v>
      </c>
      <c r="P62" s="3" t="s">
        <v>37</v>
      </c>
      <c r="Q62" s="3" t="s">
        <v>37</v>
      </c>
      <c r="R62" s="3" t="s">
        <v>38</v>
      </c>
      <c r="S62" s="3" t="s">
        <v>993</v>
      </c>
      <c r="T62" s="3" t="s">
        <v>37</v>
      </c>
      <c r="U62" s="3" t="s">
        <v>37</v>
      </c>
      <c r="V62" s="3" t="s">
        <v>37</v>
      </c>
    </row>
    <row r="63" spans="1:22" x14ac:dyDescent="0.25">
      <c r="A63" s="3" t="s">
        <v>913</v>
      </c>
      <c r="B63" s="4" t="s">
        <v>249</v>
      </c>
      <c r="C63" s="3" t="s">
        <v>250</v>
      </c>
      <c r="D63" s="5" t="s">
        <v>949</v>
      </c>
      <c r="E63" s="3" t="s">
        <v>936</v>
      </c>
      <c r="F63" s="3" t="s">
        <v>994</v>
      </c>
      <c r="G63" s="3" t="s">
        <v>192</v>
      </c>
      <c r="H63" s="3" t="s">
        <v>64</v>
      </c>
      <c r="I63" s="3" t="s">
        <v>938</v>
      </c>
      <c r="J63" s="3" t="s">
        <v>995</v>
      </c>
      <c r="K63" s="3" t="s">
        <v>32</v>
      </c>
      <c r="L63" s="3" t="s">
        <v>33</v>
      </c>
      <c r="M63" s="3" t="s">
        <v>940</v>
      </c>
      <c r="N63" s="3" t="s">
        <v>80</v>
      </c>
      <c r="O63" s="3" t="s">
        <v>152</v>
      </c>
      <c r="P63" s="3" t="s">
        <v>37</v>
      </c>
      <c r="Q63" s="3" t="s">
        <v>37</v>
      </c>
      <c r="R63" s="3" t="s">
        <v>38</v>
      </c>
      <c r="S63" s="3" t="s">
        <v>996</v>
      </c>
      <c r="T63" s="3" t="s">
        <v>37</v>
      </c>
      <c r="U63" s="3" t="s">
        <v>37</v>
      </c>
      <c r="V63" s="3" t="s">
        <v>37</v>
      </c>
    </row>
    <row r="64" spans="1:22" x14ac:dyDescent="0.25">
      <c r="A64" s="3" t="s">
        <v>913</v>
      </c>
      <c r="B64" s="4" t="s">
        <v>249</v>
      </c>
      <c r="C64" s="3" t="s">
        <v>250</v>
      </c>
      <c r="D64" s="5" t="s">
        <v>954</v>
      </c>
      <c r="E64" s="3" t="s">
        <v>936</v>
      </c>
      <c r="F64" s="3" t="s">
        <v>997</v>
      </c>
      <c r="G64" s="3" t="s">
        <v>816</v>
      </c>
      <c r="H64" s="3" t="s">
        <v>64</v>
      </c>
      <c r="I64" s="3" t="s">
        <v>938</v>
      </c>
      <c r="J64" s="3" t="s">
        <v>998</v>
      </c>
      <c r="K64" s="3" t="s">
        <v>32</v>
      </c>
      <c r="L64" s="3" t="s">
        <v>33</v>
      </c>
      <c r="M64" s="3" t="s">
        <v>940</v>
      </c>
      <c r="N64" s="3" t="s">
        <v>80</v>
      </c>
      <c r="O64" s="3" t="s">
        <v>152</v>
      </c>
      <c r="P64" s="3" t="s">
        <v>37</v>
      </c>
      <c r="Q64" s="3" t="s">
        <v>37</v>
      </c>
      <c r="R64" s="3" t="s">
        <v>38</v>
      </c>
      <c r="S64" s="3" t="s">
        <v>999</v>
      </c>
      <c r="T64" s="3" t="s">
        <v>37</v>
      </c>
      <c r="U64" s="3" t="s">
        <v>37</v>
      </c>
      <c r="V64" s="3" t="s">
        <v>37</v>
      </c>
    </row>
    <row r="65" spans="1:22" x14ac:dyDescent="0.25">
      <c r="A65" s="3" t="s">
        <v>913</v>
      </c>
      <c r="B65" s="4" t="s">
        <v>249</v>
      </c>
      <c r="C65" s="3" t="s">
        <v>250</v>
      </c>
      <c r="D65" s="5" t="s">
        <v>82</v>
      </c>
      <c r="E65" s="3" t="s">
        <v>936</v>
      </c>
      <c r="F65" s="3" t="s">
        <v>1000</v>
      </c>
      <c r="G65" s="3" t="s">
        <v>202</v>
      </c>
      <c r="H65" s="3" t="s">
        <v>64</v>
      </c>
      <c r="I65" s="3" t="s">
        <v>938</v>
      </c>
      <c r="J65" s="3" t="s">
        <v>1001</v>
      </c>
      <c r="K65" s="3" t="s">
        <v>32</v>
      </c>
      <c r="L65" s="3" t="s">
        <v>33</v>
      </c>
      <c r="M65" s="3" t="s">
        <v>940</v>
      </c>
      <c r="N65" s="3" t="s">
        <v>80</v>
      </c>
      <c r="O65" s="3" t="s">
        <v>152</v>
      </c>
      <c r="P65" s="3" t="s">
        <v>37</v>
      </c>
      <c r="Q65" s="3" t="s">
        <v>37</v>
      </c>
      <c r="R65" s="3" t="s">
        <v>38</v>
      </c>
      <c r="S65" s="3" t="s">
        <v>1002</v>
      </c>
      <c r="T65" s="3" t="s">
        <v>37</v>
      </c>
      <c r="U65" s="3" t="s">
        <v>37</v>
      </c>
      <c r="V65" s="3" t="s">
        <v>37</v>
      </c>
    </row>
    <row r="66" spans="1:22" x14ac:dyDescent="0.25">
      <c r="A66" s="3" t="s">
        <v>913</v>
      </c>
      <c r="B66" s="4" t="s">
        <v>249</v>
      </c>
      <c r="C66" s="3" t="s">
        <v>250</v>
      </c>
      <c r="D66" s="5" t="s">
        <v>636</v>
      </c>
      <c r="E66" s="3" t="s">
        <v>961</v>
      </c>
      <c r="F66" s="3" t="s">
        <v>1133</v>
      </c>
      <c r="G66" s="3" t="s">
        <v>77</v>
      </c>
      <c r="H66" s="3" t="s">
        <v>78</v>
      </c>
      <c r="I66" s="3" t="s">
        <v>37</v>
      </c>
      <c r="J66" s="3" t="s">
        <v>1134</v>
      </c>
      <c r="K66" s="3" t="s">
        <v>32</v>
      </c>
      <c r="L66" s="3" t="s">
        <v>33</v>
      </c>
      <c r="M66" s="3" t="s">
        <v>66</v>
      </c>
      <c r="N66" s="3" t="s">
        <v>80</v>
      </c>
      <c r="O66" s="3" t="s">
        <v>86</v>
      </c>
      <c r="P66" s="3" t="s">
        <v>37</v>
      </c>
      <c r="Q66" s="3" t="s">
        <v>37</v>
      </c>
      <c r="R66" s="3" t="s">
        <v>38</v>
      </c>
      <c r="S66" s="3" t="s">
        <v>1135</v>
      </c>
      <c r="T66" s="3" t="s">
        <v>37</v>
      </c>
      <c r="U66" s="3" t="s">
        <v>37</v>
      </c>
      <c r="V66" s="3" t="s">
        <v>37</v>
      </c>
    </row>
    <row r="67" spans="1:22" x14ac:dyDescent="0.25">
      <c r="A67" s="3" t="s">
        <v>913</v>
      </c>
      <c r="B67" s="4" t="s">
        <v>249</v>
      </c>
      <c r="C67" s="3" t="s">
        <v>250</v>
      </c>
      <c r="D67" s="5" t="s">
        <v>966</v>
      </c>
      <c r="E67" s="3" t="s">
        <v>961</v>
      </c>
      <c r="F67" s="3" t="s">
        <v>1136</v>
      </c>
      <c r="G67" s="3" t="s">
        <v>1137</v>
      </c>
      <c r="H67" s="3" t="s">
        <v>78</v>
      </c>
      <c r="I67" s="3" t="s">
        <v>37</v>
      </c>
      <c r="J67" s="3" t="s">
        <v>1138</v>
      </c>
      <c r="K67" s="3" t="s">
        <v>32</v>
      </c>
      <c r="L67" s="3" t="s">
        <v>33</v>
      </c>
      <c r="M67" s="3" t="s">
        <v>66</v>
      </c>
      <c r="N67" s="3" t="s">
        <v>80</v>
      </c>
      <c r="O67" s="3" t="s">
        <v>86</v>
      </c>
      <c r="P67" s="3" t="s">
        <v>37</v>
      </c>
      <c r="Q67" s="3" t="s">
        <v>37</v>
      </c>
      <c r="R67" s="3" t="s">
        <v>38</v>
      </c>
      <c r="S67" s="3" t="s">
        <v>1139</v>
      </c>
      <c r="T67" s="3" t="s">
        <v>37</v>
      </c>
      <c r="U67" s="3" t="s">
        <v>37</v>
      </c>
      <c r="V67" s="3" t="s">
        <v>37</v>
      </c>
    </row>
    <row r="68" spans="1:22" x14ac:dyDescent="0.25">
      <c r="A68" s="3" t="s">
        <v>913</v>
      </c>
      <c r="B68" s="4" t="s">
        <v>249</v>
      </c>
      <c r="C68" s="3" t="s">
        <v>250</v>
      </c>
      <c r="D68" s="5" t="s">
        <v>971</v>
      </c>
      <c r="E68" s="3" t="s">
        <v>972</v>
      </c>
      <c r="F68" s="3" t="s">
        <v>1140</v>
      </c>
      <c r="G68" s="3" t="s">
        <v>78</v>
      </c>
      <c r="H68" s="3" t="s">
        <v>64</v>
      </c>
      <c r="I68" s="3" t="s">
        <v>37</v>
      </c>
      <c r="J68" s="3" t="s">
        <v>974</v>
      </c>
      <c r="K68" s="3" t="s">
        <v>32</v>
      </c>
      <c r="L68" s="3" t="s">
        <v>33</v>
      </c>
      <c r="M68" s="3" t="s">
        <v>66</v>
      </c>
      <c r="N68" s="3" t="s">
        <v>80</v>
      </c>
      <c r="O68" s="3" t="s">
        <v>86</v>
      </c>
      <c r="P68" s="3" t="s">
        <v>37</v>
      </c>
      <c r="Q68" s="3" t="s">
        <v>37</v>
      </c>
      <c r="R68" s="3" t="s">
        <v>38</v>
      </c>
      <c r="S68" s="3" t="s">
        <v>1141</v>
      </c>
      <c r="T68" s="3" t="s">
        <v>37</v>
      </c>
      <c r="U68" s="3" t="s">
        <v>37</v>
      </c>
      <c r="V68" s="3" t="s">
        <v>37</v>
      </c>
    </row>
    <row r="69" spans="1:22" x14ac:dyDescent="0.25">
      <c r="A69" s="3" t="s">
        <v>913</v>
      </c>
      <c r="B69" s="4" t="s">
        <v>249</v>
      </c>
      <c r="C69" s="3" t="s">
        <v>250</v>
      </c>
      <c r="D69" s="5" t="s">
        <v>976</v>
      </c>
      <c r="E69" s="3" t="s">
        <v>961</v>
      </c>
      <c r="F69" s="3" t="s">
        <v>977</v>
      </c>
      <c r="G69" s="3" t="s">
        <v>216</v>
      </c>
      <c r="H69" s="3" t="s">
        <v>78</v>
      </c>
      <c r="I69" s="3" t="s">
        <v>37</v>
      </c>
      <c r="J69" s="7" t="s">
        <v>1064</v>
      </c>
      <c r="K69" s="3" t="s">
        <v>32</v>
      </c>
      <c r="L69" s="3" t="s">
        <v>33</v>
      </c>
      <c r="M69" s="3" t="s">
        <v>66</v>
      </c>
      <c r="N69" s="3" t="s">
        <v>80</v>
      </c>
      <c r="O69" s="3" t="s">
        <v>86</v>
      </c>
      <c r="P69" s="3" t="s">
        <v>37</v>
      </c>
      <c r="Q69" s="3" t="s">
        <v>37</v>
      </c>
      <c r="R69" s="3" t="s">
        <v>38</v>
      </c>
      <c r="S69" s="3" t="s">
        <v>1065</v>
      </c>
      <c r="T69" s="3" t="s">
        <v>37</v>
      </c>
      <c r="U69" s="3" t="s">
        <v>37</v>
      </c>
      <c r="V69" s="3" t="s">
        <v>37</v>
      </c>
    </row>
    <row r="70" spans="1:22" x14ac:dyDescent="0.25">
      <c r="A70" s="3" t="s">
        <v>913</v>
      </c>
      <c r="B70" s="4" t="s">
        <v>249</v>
      </c>
      <c r="C70" s="3" t="s">
        <v>250</v>
      </c>
      <c r="D70" s="5" t="s">
        <v>980</v>
      </c>
      <c r="E70" s="3" t="s">
        <v>914</v>
      </c>
      <c r="F70" s="3" t="s">
        <v>1070</v>
      </c>
      <c r="G70" s="3" t="s">
        <v>1071</v>
      </c>
      <c r="H70" s="3" t="s">
        <v>71</v>
      </c>
      <c r="I70" s="3" t="s">
        <v>1072</v>
      </c>
      <c r="J70" s="3" t="s">
        <v>1073</v>
      </c>
      <c r="K70" s="3" t="s">
        <v>32</v>
      </c>
      <c r="L70" s="3" t="s">
        <v>33</v>
      </c>
      <c r="M70" s="3" t="s">
        <v>66</v>
      </c>
      <c r="N70" s="3" t="s">
        <v>72</v>
      </c>
      <c r="O70" s="3" t="s">
        <v>86</v>
      </c>
      <c r="P70" s="3" t="s">
        <v>37</v>
      </c>
      <c r="Q70" s="3" t="s">
        <v>37</v>
      </c>
      <c r="R70" s="3" t="s">
        <v>38</v>
      </c>
      <c r="S70" s="3" t="s">
        <v>1074</v>
      </c>
      <c r="T70" s="3" t="s">
        <v>37</v>
      </c>
      <c r="U70" s="3" t="s">
        <v>37</v>
      </c>
      <c r="V70" s="3" t="s">
        <v>37</v>
      </c>
    </row>
    <row r="71" spans="1:22" x14ac:dyDescent="0.25">
      <c r="A71" s="3" t="s">
        <v>913</v>
      </c>
      <c r="B71" s="4" t="s">
        <v>249</v>
      </c>
      <c r="C71" s="3" t="s">
        <v>250</v>
      </c>
      <c r="D71" s="5" t="s">
        <v>986</v>
      </c>
      <c r="E71" s="3" t="s">
        <v>914</v>
      </c>
      <c r="F71" s="3" t="s">
        <v>1076</v>
      </c>
      <c r="G71" s="3" t="s">
        <v>1077</v>
      </c>
      <c r="H71" s="3" t="s">
        <v>71</v>
      </c>
      <c r="I71" s="3" t="s">
        <v>983</v>
      </c>
      <c r="J71" s="3" t="s">
        <v>1078</v>
      </c>
      <c r="K71" s="3" t="s">
        <v>32</v>
      </c>
      <c r="L71" s="3" t="s">
        <v>33</v>
      </c>
      <c r="M71" s="3" t="s">
        <v>66</v>
      </c>
      <c r="N71" s="3" t="s">
        <v>72</v>
      </c>
      <c r="O71" s="3" t="s">
        <v>86</v>
      </c>
      <c r="P71" s="3" t="s">
        <v>37</v>
      </c>
      <c r="Q71" s="3" t="s">
        <v>37</v>
      </c>
      <c r="R71" s="3" t="s">
        <v>38</v>
      </c>
      <c r="S71" s="3" t="s">
        <v>1079</v>
      </c>
      <c r="T71" s="3" t="s">
        <v>37</v>
      </c>
      <c r="U71" s="3" t="s">
        <v>37</v>
      </c>
      <c r="V71" s="3" t="s">
        <v>37</v>
      </c>
    </row>
    <row r="72" spans="1:22" x14ac:dyDescent="0.25">
      <c r="A72" s="3" t="s">
        <v>913</v>
      </c>
      <c r="B72" s="4" t="s">
        <v>249</v>
      </c>
      <c r="C72" s="3" t="s">
        <v>250</v>
      </c>
      <c r="D72" s="5" t="s">
        <v>990</v>
      </c>
      <c r="E72" s="3" t="s">
        <v>1142</v>
      </c>
      <c r="F72" s="3" t="s">
        <v>1143</v>
      </c>
      <c r="G72" s="3" t="s">
        <v>182</v>
      </c>
      <c r="H72" s="3" t="s">
        <v>64</v>
      </c>
      <c r="I72" s="3" t="s">
        <v>1144</v>
      </c>
      <c r="J72" s="3" t="s">
        <v>1145</v>
      </c>
      <c r="K72" s="3" t="s">
        <v>32</v>
      </c>
      <c r="L72" s="3" t="s">
        <v>33</v>
      </c>
      <c r="M72" s="3" t="s">
        <v>66</v>
      </c>
      <c r="N72" s="3" t="s">
        <v>67</v>
      </c>
      <c r="O72" s="3" t="s">
        <v>36</v>
      </c>
      <c r="P72" s="3" t="s">
        <v>37</v>
      </c>
      <c r="Q72" s="3" t="s">
        <v>37</v>
      </c>
      <c r="R72" s="3" t="s">
        <v>38</v>
      </c>
      <c r="S72" s="3" t="s">
        <v>1146</v>
      </c>
      <c r="T72" s="3" t="s">
        <v>37</v>
      </c>
      <c r="U72" s="3" t="s">
        <v>37</v>
      </c>
      <c r="V72" s="3" t="s">
        <v>37</v>
      </c>
    </row>
    <row r="73" spans="1:22" x14ac:dyDescent="0.25">
      <c r="A73" s="3" t="s">
        <v>913</v>
      </c>
      <c r="B73" s="4" t="s">
        <v>249</v>
      </c>
      <c r="C73" s="3" t="s">
        <v>250</v>
      </c>
      <c r="D73" s="5" t="s">
        <v>447</v>
      </c>
      <c r="E73" s="3" t="s">
        <v>1142</v>
      </c>
      <c r="F73" s="3" t="s">
        <v>1147</v>
      </c>
      <c r="G73" s="3" t="s">
        <v>340</v>
      </c>
      <c r="H73" s="3" t="s">
        <v>64</v>
      </c>
      <c r="I73" s="3" t="s">
        <v>1144</v>
      </c>
      <c r="J73" s="3" t="s">
        <v>1148</v>
      </c>
      <c r="K73" s="3" t="s">
        <v>32</v>
      </c>
      <c r="L73" s="3" t="s">
        <v>33</v>
      </c>
      <c r="M73" s="3" t="s">
        <v>66</v>
      </c>
      <c r="N73" s="3" t="s">
        <v>67</v>
      </c>
      <c r="O73" s="3" t="s">
        <v>36</v>
      </c>
      <c r="P73" s="3" t="s">
        <v>37</v>
      </c>
      <c r="Q73" s="3" t="s">
        <v>37</v>
      </c>
      <c r="R73" s="3" t="s">
        <v>38</v>
      </c>
      <c r="S73" s="3" t="s">
        <v>1149</v>
      </c>
      <c r="T73" s="3" t="s">
        <v>37</v>
      </c>
      <c r="U73" s="3" t="s">
        <v>37</v>
      </c>
      <c r="V73" s="3" t="s">
        <v>37</v>
      </c>
    </row>
    <row r="74" spans="1:22" x14ac:dyDescent="0.25">
      <c r="A74" s="3" t="s">
        <v>913</v>
      </c>
      <c r="B74" s="4" t="s">
        <v>249</v>
      </c>
      <c r="C74" s="3" t="s">
        <v>250</v>
      </c>
      <c r="D74" s="5" t="s">
        <v>122</v>
      </c>
      <c r="E74" s="3" t="s">
        <v>1142</v>
      </c>
      <c r="F74" s="3" t="s">
        <v>1150</v>
      </c>
      <c r="G74" s="3" t="s">
        <v>344</v>
      </c>
      <c r="H74" s="3" t="s">
        <v>64</v>
      </c>
      <c r="I74" s="3" t="s">
        <v>1144</v>
      </c>
      <c r="J74" s="3" t="s">
        <v>1151</v>
      </c>
      <c r="K74" s="3" t="s">
        <v>32</v>
      </c>
      <c r="L74" s="3" t="s">
        <v>33</v>
      </c>
      <c r="M74" s="3" t="s">
        <v>66</v>
      </c>
      <c r="N74" s="3" t="s">
        <v>67</v>
      </c>
      <c r="O74" s="3" t="s">
        <v>36</v>
      </c>
      <c r="P74" s="3" t="s">
        <v>37</v>
      </c>
      <c r="Q74" s="3" t="s">
        <v>37</v>
      </c>
      <c r="R74" s="3" t="s">
        <v>38</v>
      </c>
      <c r="S74" s="3" t="s">
        <v>1152</v>
      </c>
      <c r="T74" s="3" t="s">
        <v>37</v>
      </c>
      <c r="U74" s="3" t="s">
        <v>37</v>
      </c>
      <c r="V74" s="3" t="s">
        <v>37</v>
      </c>
    </row>
    <row r="75" spans="1:22" x14ac:dyDescent="0.25">
      <c r="A75" s="3" t="s">
        <v>913</v>
      </c>
      <c r="B75" s="4" t="s">
        <v>249</v>
      </c>
      <c r="C75" s="3" t="s">
        <v>250</v>
      </c>
      <c r="D75" s="5" t="s">
        <v>319</v>
      </c>
      <c r="E75" s="3" t="s">
        <v>1142</v>
      </c>
      <c r="F75" s="3" t="s">
        <v>1153</v>
      </c>
      <c r="G75" s="3" t="s">
        <v>568</v>
      </c>
      <c r="H75" s="3" t="s">
        <v>64</v>
      </c>
      <c r="I75" s="3" t="s">
        <v>1144</v>
      </c>
      <c r="J75" s="3" t="s">
        <v>1154</v>
      </c>
      <c r="K75" s="3" t="s">
        <v>32</v>
      </c>
      <c r="L75" s="3" t="s">
        <v>33</v>
      </c>
      <c r="M75" s="3" t="s">
        <v>66</v>
      </c>
      <c r="N75" s="3" t="s">
        <v>67</v>
      </c>
      <c r="O75" s="3" t="s">
        <v>36</v>
      </c>
      <c r="P75" s="3" t="s">
        <v>37</v>
      </c>
      <c r="Q75" s="3" t="s">
        <v>37</v>
      </c>
      <c r="R75" s="3" t="s">
        <v>38</v>
      </c>
      <c r="S75" s="3" t="s">
        <v>1155</v>
      </c>
      <c r="T75" s="3" t="s">
        <v>37</v>
      </c>
      <c r="U75" s="3" t="s">
        <v>37</v>
      </c>
      <c r="V75" s="3" t="s">
        <v>37</v>
      </c>
    </row>
    <row r="76" spans="1:22" x14ac:dyDescent="0.25">
      <c r="A76" s="3" t="s">
        <v>913</v>
      </c>
      <c r="B76" s="4" t="s">
        <v>249</v>
      </c>
      <c r="C76" s="3" t="s">
        <v>250</v>
      </c>
      <c r="D76" s="5" t="s">
        <v>131</v>
      </c>
      <c r="E76" s="3" t="s">
        <v>1142</v>
      </c>
      <c r="F76" s="3" t="s">
        <v>1156</v>
      </c>
      <c r="G76" s="3" t="s">
        <v>439</v>
      </c>
      <c r="H76" s="3" t="s">
        <v>64</v>
      </c>
      <c r="I76" s="3" t="s">
        <v>1144</v>
      </c>
      <c r="J76" s="3" t="s">
        <v>1157</v>
      </c>
      <c r="K76" s="3" t="s">
        <v>32</v>
      </c>
      <c r="L76" s="3" t="s">
        <v>33</v>
      </c>
      <c r="M76" s="3" t="s">
        <v>66</v>
      </c>
      <c r="N76" s="3" t="s">
        <v>67</v>
      </c>
      <c r="O76" s="3" t="s">
        <v>36</v>
      </c>
      <c r="P76" s="3" t="s">
        <v>37</v>
      </c>
      <c r="Q76" s="3" t="s">
        <v>37</v>
      </c>
      <c r="R76" s="3" t="s">
        <v>38</v>
      </c>
      <c r="S76" s="3" t="s">
        <v>1158</v>
      </c>
      <c r="T76" s="3" t="s">
        <v>37</v>
      </c>
      <c r="U76" s="3" t="s">
        <v>37</v>
      </c>
      <c r="V76" s="3" t="s">
        <v>37</v>
      </c>
    </row>
    <row r="77" spans="1:22" x14ac:dyDescent="0.25">
      <c r="A77" s="3" t="s">
        <v>913</v>
      </c>
      <c r="B77" s="4" t="s">
        <v>249</v>
      </c>
      <c r="C77" s="3" t="s">
        <v>250</v>
      </c>
      <c r="D77" s="5" t="s">
        <v>459</v>
      </c>
      <c r="E77" s="3" t="s">
        <v>1142</v>
      </c>
      <c r="F77" s="3" t="s">
        <v>1159</v>
      </c>
      <c r="G77" s="3" t="s">
        <v>444</v>
      </c>
      <c r="H77" s="3" t="s">
        <v>64</v>
      </c>
      <c r="I77" s="3" t="s">
        <v>1144</v>
      </c>
      <c r="J77" s="3" t="s">
        <v>1160</v>
      </c>
      <c r="K77" s="3" t="s">
        <v>32</v>
      </c>
      <c r="L77" s="3" t="s">
        <v>33</v>
      </c>
      <c r="M77" s="3" t="s">
        <v>66</v>
      </c>
      <c r="N77" s="3" t="s">
        <v>67</v>
      </c>
      <c r="O77" s="3" t="s">
        <v>86</v>
      </c>
      <c r="P77" s="3" t="s">
        <v>37</v>
      </c>
      <c r="Q77" s="3" t="s">
        <v>37</v>
      </c>
      <c r="R77" s="3" t="s">
        <v>38</v>
      </c>
      <c r="S77" s="3" t="s">
        <v>1161</v>
      </c>
      <c r="T77" s="3" t="s">
        <v>37</v>
      </c>
      <c r="U77" s="3" t="s">
        <v>37</v>
      </c>
      <c r="V77" s="3" t="s">
        <v>37</v>
      </c>
    </row>
    <row r="78" spans="1:22" x14ac:dyDescent="0.25">
      <c r="A78" s="3" t="s">
        <v>913</v>
      </c>
      <c r="B78" s="4" t="s">
        <v>249</v>
      </c>
      <c r="C78" s="3" t="s">
        <v>250</v>
      </c>
      <c r="D78" s="5" t="s">
        <v>146</v>
      </c>
      <c r="E78" s="3" t="s">
        <v>1051</v>
      </c>
      <c r="F78" s="3" t="s">
        <v>1162</v>
      </c>
      <c r="G78" s="3" t="s">
        <v>106</v>
      </c>
      <c r="H78" s="3" t="s">
        <v>64</v>
      </c>
      <c r="I78" s="3" t="s">
        <v>37</v>
      </c>
      <c r="J78" s="3" t="s">
        <v>1163</v>
      </c>
      <c r="K78" s="3" t="s">
        <v>32</v>
      </c>
      <c r="L78" s="3" t="s">
        <v>33</v>
      </c>
      <c r="M78" s="3" t="s">
        <v>66</v>
      </c>
      <c r="N78" s="3" t="s">
        <v>137</v>
      </c>
      <c r="O78" s="3" t="s">
        <v>86</v>
      </c>
      <c r="P78" s="3" t="s">
        <v>37</v>
      </c>
      <c r="Q78" s="3" t="s">
        <v>37</v>
      </c>
      <c r="R78" s="3" t="s">
        <v>38</v>
      </c>
      <c r="S78" s="3" t="s">
        <v>1164</v>
      </c>
      <c r="T78" s="3" t="s">
        <v>37</v>
      </c>
      <c r="U78" s="3" t="s">
        <v>37</v>
      </c>
      <c r="V78" s="3" t="s">
        <v>37</v>
      </c>
    </row>
    <row r="79" spans="1:22" x14ac:dyDescent="0.25">
      <c r="A79" s="3" t="s">
        <v>913</v>
      </c>
      <c r="B79" s="4" t="s">
        <v>249</v>
      </c>
      <c r="C79" s="3" t="s">
        <v>250</v>
      </c>
      <c r="D79" s="5" t="s">
        <v>159</v>
      </c>
      <c r="E79" s="3" t="s">
        <v>1051</v>
      </c>
      <c r="F79" s="3" t="s">
        <v>1165</v>
      </c>
      <c r="G79" s="3" t="s">
        <v>286</v>
      </c>
      <c r="H79" s="3" t="s">
        <v>64</v>
      </c>
      <c r="I79" s="3" t="s">
        <v>1056</v>
      </c>
      <c r="J79" s="3" t="s">
        <v>1166</v>
      </c>
      <c r="K79" s="3" t="s">
        <v>32</v>
      </c>
      <c r="L79" s="3" t="s">
        <v>33</v>
      </c>
      <c r="M79" s="3" t="s">
        <v>66</v>
      </c>
      <c r="N79" s="3" t="s">
        <v>137</v>
      </c>
      <c r="O79" s="3" t="s">
        <v>86</v>
      </c>
      <c r="P79" s="3" t="s">
        <v>37</v>
      </c>
      <c r="Q79" s="3" t="s">
        <v>37</v>
      </c>
      <c r="R79" s="3" t="s">
        <v>38</v>
      </c>
      <c r="S79" s="3" t="s">
        <v>1167</v>
      </c>
      <c r="T79" s="3" t="s">
        <v>37</v>
      </c>
      <c r="U79" s="3" t="s">
        <v>37</v>
      </c>
      <c r="V79" s="3" t="s">
        <v>37</v>
      </c>
    </row>
    <row r="80" spans="1:22" x14ac:dyDescent="0.25">
      <c r="A80" s="3" t="s">
        <v>913</v>
      </c>
      <c r="B80" s="4" t="s">
        <v>249</v>
      </c>
      <c r="C80" s="3" t="s">
        <v>250</v>
      </c>
      <c r="D80" s="5" t="s">
        <v>1059</v>
      </c>
      <c r="E80" s="3" t="s">
        <v>931</v>
      </c>
      <c r="F80" s="3" t="s">
        <v>932</v>
      </c>
      <c r="G80" s="3" t="s">
        <v>142</v>
      </c>
      <c r="H80" s="3" t="s">
        <v>64</v>
      </c>
      <c r="I80" s="3" t="s">
        <v>37</v>
      </c>
      <c r="J80" s="3" t="s">
        <v>933</v>
      </c>
      <c r="K80" s="3" t="s">
        <v>32</v>
      </c>
      <c r="L80" s="3" t="s">
        <v>33</v>
      </c>
      <c r="M80" s="3" t="s">
        <v>66</v>
      </c>
      <c r="N80" s="3" t="s">
        <v>67</v>
      </c>
      <c r="O80" s="3" t="s">
        <v>52</v>
      </c>
      <c r="P80" s="3" t="s">
        <v>37</v>
      </c>
      <c r="Q80" s="3" t="s">
        <v>37</v>
      </c>
      <c r="R80" s="3" t="s">
        <v>38</v>
      </c>
      <c r="S80" s="3" t="s">
        <v>934</v>
      </c>
      <c r="T80" s="3" t="s">
        <v>37</v>
      </c>
      <c r="U80" s="3" t="s">
        <v>37</v>
      </c>
      <c r="V80" s="3" t="s">
        <v>37</v>
      </c>
    </row>
    <row r="81" spans="1:22" x14ac:dyDescent="0.25">
      <c r="A81" s="3" t="s">
        <v>913</v>
      </c>
      <c r="B81" s="4" t="s">
        <v>249</v>
      </c>
      <c r="C81" s="3" t="s">
        <v>250</v>
      </c>
      <c r="D81" s="5" t="s">
        <v>1063</v>
      </c>
      <c r="E81" s="3" t="s">
        <v>961</v>
      </c>
      <c r="F81" s="3" t="s">
        <v>977</v>
      </c>
      <c r="G81" s="3" t="s">
        <v>809</v>
      </c>
      <c r="H81" s="3" t="s">
        <v>78</v>
      </c>
      <c r="I81" s="3" t="s">
        <v>37</v>
      </c>
      <c r="J81" s="7" t="s">
        <v>1064</v>
      </c>
      <c r="K81" s="3" t="s">
        <v>32</v>
      </c>
      <c r="L81" s="3" t="s">
        <v>33</v>
      </c>
      <c r="M81" s="3" t="s">
        <v>66</v>
      </c>
      <c r="N81" s="3" t="s">
        <v>80</v>
      </c>
      <c r="O81" s="3" t="s">
        <v>86</v>
      </c>
      <c r="P81" s="3" t="s">
        <v>37</v>
      </c>
      <c r="Q81" s="3" t="s">
        <v>37</v>
      </c>
      <c r="R81" s="3" t="s">
        <v>38</v>
      </c>
      <c r="S81" s="3" t="s">
        <v>1168</v>
      </c>
      <c r="T81" s="3"/>
      <c r="U81" s="3" t="s">
        <v>37</v>
      </c>
      <c r="V81" s="3" t="s">
        <v>37</v>
      </c>
    </row>
    <row r="82" spans="1:22" x14ac:dyDescent="0.25">
      <c r="A82" s="3" t="s">
        <v>913</v>
      </c>
      <c r="B82" s="4" t="s">
        <v>249</v>
      </c>
      <c r="C82" s="3" t="s">
        <v>250</v>
      </c>
      <c r="D82" s="5" t="s">
        <v>1066</v>
      </c>
      <c r="E82" s="3" t="s">
        <v>972</v>
      </c>
      <c r="F82" s="3" t="s">
        <v>1169</v>
      </c>
      <c r="G82" s="3" t="s">
        <v>29</v>
      </c>
      <c r="H82" s="3" t="s">
        <v>64</v>
      </c>
      <c r="I82" s="3" t="s">
        <v>37</v>
      </c>
      <c r="J82" s="3" t="s">
        <v>974</v>
      </c>
      <c r="K82" s="3" t="s">
        <v>32</v>
      </c>
      <c r="L82" s="3" t="s">
        <v>33</v>
      </c>
      <c r="M82" s="3" t="s">
        <v>66</v>
      </c>
      <c r="N82" s="3" t="s">
        <v>80</v>
      </c>
      <c r="O82" s="3" t="s">
        <v>86</v>
      </c>
      <c r="P82" s="3" t="s">
        <v>37</v>
      </c>
      <c r="Q82" s="3" t="s">
        <v>37</v>
      </c>
      <c r="R82" s="3" t="s">
        <v>38</v>
      </c>
      <c r="S82" s="3" t="s">
        <v>1170</v>
      </c>
      <c r="T82" s="3" t="s">
        <v>37</v>
      </c>
      <c r="U82" s="3" t="s">
        <v>37</v>
      </c>
      <c r="V82" s="3" t="s">
        <v>37</v>
      </c>
    </row>
    <row r="83" spans="1:22" x14ac:dyDescent="0.25">
      <c r="A83" s="3" t="s">
        <v>913</v>
      </c>
      <c r="B83" s="4" t="s">
        <v>249</v>
      </c>
      <c r="C83" s="3" t="s">
        <v>250</v>
      </c>
      <c r="D83" s="5" t="s">
        <v>1069</v>
      </c>
      <c r="E83" s="3" t="s">
        <v>914</v>
      </c>
      <c r="F83" s="3" t="s">
        <v>981</v>
      </c>
      <c r="G83" s="3" t="s">
        <v>982</v>
      </c>
      <c r="H83" s="3" t="s">
        <v>71</v>
      </c>
      <c r="I83" s="3" t="s">
        <v>983</v>
      </c>
      <c r="J83" s="3" t="s">
        <v>984</v>
      </c>
      <c r="K83" s="3" t="s">
        <v>32</v>
      </c>
      <c r="L83" s="3" t="s">
        <v>33</v>
      </c>
      <c r="M83" s="3" t="s">
        <v>66</v>
      </c>
      <c r="N83" s="3" t="s">
        <v>72</v>
      </c>
      <c r="O83" s="3" t="s">
        <v>86</v>
      </c>
      <c r="P83" s="3" t="s">
        <v>37</v>
      </c>
      <c r="Q83" s="3" t="s">
        <v>37</v>
      </c>
      <c r="R83" s="3" t="s">
        <v>38</v>
      </c>
      <c r="S83" s="3" t="s">
        <v>985</v>
      </c>
      <c r="T83" s="3" t="s">
        <v>37</v>
      </c>
      <c r="U83" s="3" t="s">
        <v>37</v>
      </c>
      <c r="V83" s="3" t="s">
        <v>37</v>
      </c>
    </row>
    <row r="84" spans="1:22" x14ac:dyDescent="0.25">
      <c r="A84" s="3" t="s">
        <v>913</v>
      </c>
      <c r="B84" s="4" t="s">
        <v>249</v>
      </c>
      <c r="C84" s="3" t="s">
        <v>250</v>
      </c>
      <c r="D84" s="5" t="s">
        <v>1075</v>
      </c>
      <c r="E84" s="3" t="s">
        <v>914</v>
      </c>
      <c r="F84" s="3" t="s">
        <v>987</v>
      </c>
      <c r="G84" s="3" t="s">
        <v>988</v>
      </c>
      <c r="H84" s="3" t="s">
        <v>71</v>
      </c>
      <c r="I84" s="3" t="s">
        <v>983</v>
      </c>
      <c r="J84" s="3" t="s">
        <v>984</v>
      </c>
      <c r="K84" s="3" t="s">
        <v>32</v>
      </c>
      <c r="L84" s="3" t="s">
        <v>33</v>
      </c>
      <c r="M84" s="3" t="s">
        <v>66</v>
      </c>
      <c r="N84" s="3" t="s">
        <v>72</v>
      </c>
      <c r="O84" s="3" t="s">
        <v>86</v>
      </c>
      <c r="P84" s="3" t="s">
        <v>37</v>
      </c>
      <c r="Q84" s="3" t="s">
        <v>37</v>
      </c>
      <c r="R84" s="3" t="s">
        <v>38</v>
      </c>
      <c r="S84" s="3" t="s">
        <v>989</v>
      </c>
      <c r="T84" s="3" t="s">
        <v>37</v>
      </c>
      <c r="U84" s="3" t="s">
        <v>37</v>
      </c>
      <c r="V84" s="3" t="s">
        <v>37</v>
      </c>
    </row>
    <row r="85" spans="1:22" x14ac:dyDescent="0.25">
      <c r="A85" s="3" t="s">
        <v>913</v>
      </c>
      <c r="B85" s="4" t="s">
        <v>249</v>
      </c>
      <c r="C85" s="3" t="s">
        <v>250</v>
      </c>
      <c r="D85" s="5" t="s">
        <v>1080</v>
      </c>
      <c r="E85" s="3" t="s">
        <v>1081</v>
      </c>
      <c r="F85" s="3" t="s">
        <v>1171</v>
      </c>
      <c r="G85" s="3" t="s">
        <v>512</v>
      </c>
      <c r="H85" s="3" t="s">
        <v>78</v>
      </c>
      <c r="I85" s="3" t="s">
        <v>37</v>
      </c>
      <c r="J85" s="3" t="s">
        <v>1172</v>
      </c>
      <c r="K85" s="3" t="s">
        <v>32</v>
      </c>
      <c r="L85" s="3" t="s">
        <v>33</v>
      </c>
      <c r="M85" s="3" t="s">
        <v>66</v>
      </c>
      <c r="N85" s="3" t="s">
        <v>67</v>
      </c>
      <c r="O85" s="3" t="s">
        <v>52</v>
      </c>
      <c r="P85" s="3" t="s">
        <v>37</v>
      </c>
      <c r="Q85" s="3" t="s">
        <v>37</v>
      </c>
      <c r="R85" s="3" t="s">
        <v>38</v>
      </c>
      <c r="S85" s="3" t="s">
        <v>1173</v>
      </c>
      <c r="T85" s="3" t="s">
        <v>37</v>
      </c>
      <c r="U85" s="3" t="s">
        <v>37</v>
      </c>
      <c r="V85" s="3" t="s">
        <v>37</v>
      </c>
    </row>
    <row r="86" spans="1:22" x14ac:dyDescent="0.25">
      <c r="A86" s="3" t="s">
        <v>913</v>
      </c>
      <c r="B86" s="4" t="s">
        <v>249</v>
      </c>
      <c r="C86" s="3" t="s">
        <v>250</v>
      </c>
      <c r="D86" s="5" t="s">
        <v>200</v>
      </c>
      <c r="E86" s="3" t="s">
        <v>1086</v>
      </c>
      <c r="F86" s="3" t="s">
        <v>1174</v>
      </c>
      <c r="G86" s="3" t="s">
        <v>1175</v>
      </c>
      <c r="H86" s="3" t="s">
        <v>225</v>
      </c>
      <c r="I86" s="3" t="s">
        <v>407</v>
      </c>
      <c r="J86" s="3" t="s">
        <v>1176</v>
      </c>
      <c r="K86" s="3" t="s">
        <v>32</v>
      </c>
      <c r="L86" s="3" t="s">
        <v>33</v>
      </c>
      <c r="M86" s="3" t="s">
        <v>66</v>
      </c>
      <c r="N86" s="3" t="s">
        <v>51</v>
      </c>
      <c r="O86" s="3" t="s">
        <v>36</v>
      </c>
      <c r="P86" s="3" t="s">
        <v>37</v>
      </c>
      <c r="Q86" s="3" t="s">
        <v>37</v>
      </c>
      <c r="R86" s="3" t="s">
        <v>38</v>
      </c>
      <c r="S86" s="3" t="s">
        <v>1177</v>
      </c>
      <c r="T86" s="3" t="s">
        <v>37</v>
      </c>
      <c r="U86" s="3" t="s">
        <v>37</v>
      </c>
      <c r="V86" s="3" t="s">
        <v>37</v>
      </c>
    </row>
    <row r="87" spans="1:22" x14ac:dyDescent="0.25">
      <c r="A87" s="3" t="s">
        <v>913</v>
      </c>
      <c r="B87" s="4" t="s">
        <v>249</v>
      </c>
      <c r="C87" s="3" t="s">
        <v>250</v>
      </c>
      <c r="D87" s="5" t="s">
        <v>1091</v>
      </c>
      <c r="E87" s="3" t="s">
        <v>1086</v>
      </c>
      <c r="F87" s="3" t="s">
        <v>1178</v>
      </c>
      <c r="G87" s="3" t="s">
        <v>526</v>
      </c>
      <c r="H87" s="3" t="s">
        <v>29</v>
      </c>
      <c r="I87" s="3" t="s">
        <v>407</v>
      </c>
      <c r="J87" s="3" t="s">
        <v>1179</v>
      </c>
      <c r="K87" s="3" t="s">
        <v>32</v>
      </c>
      <c r="L87" s="3" t="s">
        <v>33</v>
      </c>
      <c r="M87" s="3" t="s">
        <v>66</v>
      </c>
      <c r="N87" s="3" t="s">
        <v>72</v>
      </c>
      <c r="O87" s="3" t="s">
        <v>36</v>
      </c>
      <c r="P87" s="3" t="s">
        <v>37</v>
      </c>
      <c r="Q87" s="3" t="s">
        <v>37</v>
      </c>
      <c r="R87" s="3" t="s">
        <v>38</v>
      </c>
      <c r="S87" s="3" t="s">
        <v>1180</v>
      </c>
      <c r="T87" s="3" t="s">
        <v>37</v>
      </c>
      <c r="U87" s="3" t="s">
        <v>37</v>
      </c>
      <c r="V87" s="3" t="s">
        <v>37</v>
      </c>
    </row>
    <row r="88" spans="1:22" x14ac:dyDescent="0.25">
      <c r="A88" s="3" t="s">
        <v>913</v>
      </c>
      <c r="B88" s="4" t="s">
        <v>249</v>
      </c>
      <c r="C88" s="3" t="s">
        <v>250</v>
      </c>
      <c r="D88" s="5" t="s">
        <v>489</v>
      </c>
      <c r="E88" s="3" t="s">
        <v>490</v>
      </c>
      <c r="F88" s="3" t="s">
        <v>1181</v>
      </c>
      <c r="G88" s="3" t="s">
        <v>142</v>
      </c>
      <c r="H88" s="3" t="s">
        <v>64</v>
      </c>
      <c r="I88" s="3" t="s">
        <v>1182</v>
      </c>
      <c r="J88" s="3" t="s">
        <v>1183</v>
      </c>
      <c r="K88" s="3" t="s">
        <v>32</v>
      </c>
      <c r="L88" s="3" t="s">
        <v>494</v>
      </c>
      <c r="M88" s="3" t="s">
        <v>34</v>
      </c>
      <c r="N88" s="3" t="s">
        <v>35</v>
      </c>
      <c r="O88" s="3" t="s">
        <v>86</v>
      </c>
      <c r="P88" s="3" t="s">
        <v>37</v>
      </c>
      <c r="Q88" s="3" t="s">
        <v>37</v>
      </c>
      <c r="R88" s="3" t="s">
        <v>38</v>
      </c>
      <c r="S88" s="3" t="s">
        <v>1184</v>
      </c>
      <c r="T88" s="3" t="s">
        <v>37</v>
      </c>
      <c r="U88" s="3" t="s">
        <v>37</v>
      </c>
      <c r="V88" s="3" t="s">
        <v>37</v>
      </c>
    </row>
    <row r="89" spans="1:22" x14ac:dyDescent="0.25">
      <c r="A89" s="3" t="s">
        <v>913</v>
      </c>
      <c r="B89" s="4" t="s">
        <v>249</v>
      </c>
      <c r="C89" s="3" t="s">
        <v>250</v>
      </c>
      <c r="D89" s="5" t="s">
        <v>1096</v>
      </c>
      <c r="E89" s="3" t="s">
        <v>490</v>
      </c>
      <c r="F89" s="3" t="s">
        <v>1185</v>
      </c>
      <c r="G89" s="3" t="s">
        <v>741</v>
      </c>
      <c r="H89" s="3" t="s">
        <v>64</v>
      </c>
      <c r="I89" s="3" t="s">
        <v>1182</v>
      </c>
      <c r="J89" s="3" t="s">
        <v>1186</v>
      </c>
      <c r="K89" s="3" t="s">
        <v>32</v>
      </c>
      <c r="L89" s="3" t="s">
        <v>494</v>
      </c>
      <c r="M89" s="3" t="s">
        <v>34</v>
      </c>
      <c r="N89" s="3" t="s">
        <v>35</v>
      </c>
      <c r="O89" s="3" t="s">
        <v>86</v>
      </c>
      <c r="P89" s="3" t="s">
        <v>37</v>
      </c>
      <c r="Q89" s="3" t="s">
        <v>37</v>
      </c>
      <c r="R89" s="3" t="s">
        <v>38</v>
      </c>
      <c r="S89" s="3" t="s">
        <v>1187</v>
      </c>
      <c r="T89" s="3" t="s">
        <v>37</v>
      </c>
      <c r="U89" s="3" t="s">
        <v>37</v>
      </c>
      <c r="V89" s="3" t="s">
        <v>37</v>
      </c>
    </row>
    <row r="90" spans="1:22" x14ac:dyDescent="0.25">
      <c r="A90" s="3" t="s">
        <v>913</v>
      </c>
      <c r="B90" s="4" t="s">
        <v>249</v>
      </c>
      <c r="C90" s="3" t="s">
        <v>250</v>
      </c>
      <c r="D90" s="5" t="s">
        <v>219</v>
      </c>
      <c r="E90" s="3" t="s">
        <v>490</v>
      </c>
      <c r="F90" s="3" t="s">
        <v>1188</v>
      </c>
      <c r="G90" s="3" t="s">
        <v>704</v>
      </c>
      <c r="H90" s="3" t="s">
        <v>64</v>
      </c>
      <c r="I90" s="3" t="s">
        <v>1182</v>
      </c>
      <c r="J90" s="3" t="s">
        <v>1189</v>
      </c>
      <c r="K90" s="3" t="s">
        <v>32</v>
      </c>
      <c r="L90" s="3" t="s">
        <v>494</v>
      </c>
      <c r="M90" s="3" t="s">
        <v>34</v>
      </c>
      <c r="N90" s="3" t="s">
        <v>35</v>
      </c>
      <c r="O90" s="3" t="s">
        <v>86</v>
      </c>
      <c r="P90" s="3" t="s">
        <v>37</v>
      </c>
      <c r="Q90" s="3" t="s">
        <v>37</v>
      </c>
      <c r="R90" s="3" t="s">
        <v>38</v>
      </c>
      <c r="S90" s="3" t="s">
        <v>1190</v>
      </c>
      <c r="T90" s="3" t="s">
        <v>37</v>
      </c>
      <c r="U90" s="3" t="s">
        <v>37</v>
      </c>
      <c r="V90" s="3" t="s">
        <v>37</v>
      </c>
    </row>
    <row r="91" spans="1:22" x14ac:dyDescent="0.25">
      <c r="A91" s="3" t="s">
        <v>913</v>
      </c>
      <c r="B91" s="4" t="s">
        <v>249</v>
      </c>
      <c r="C91" s="3" t="s">
        <v>250</v>
      </c>
      <c r="D91" s="5" t="s">
        <v>378</v>
      </c>
      <c r="E91" s="3" t="s">
        <v>925</v>
      </c>
      <c r="F91" s="3" t="s">
        <v>1191</v>
      </c>
      <c r="G91" s="3" t="s">
        <v>64</v>
      </c>
      <c r="H91" s="3" t="s">
        <v>64</v>
      </c>
      <c r="I91" s="3" t="s">
        <v>927</v>
      </c>
      <c r="J91" s="3" t="s">
        <v>1192</v>
      </c>
      <c r="K91" s="3" t="s">
        <v>32</v>
      </c>
      <c r="L91" s="3" t="s">
        <v>33</v>
      </c>
      <c r="M91" s="3" t="s">
        <v>34</v>
      </c>
      <c r="N91" s="3" t="s">
        <v>67</v>
      </c>
      <c r="O91" s="3" t="s">
        <v>52</v>
      </c>
      <c r="P91" s="3" t="s">
        <v>37</v>
      </c>
      <c r="Q91" s="3" t="s">
        <v>37</v>
      </c>
      <c r="R91" s="3" t="s">
        <v>38</v>
      </c>
      <c r="S91" s="3" t="s">
        <v>1193</v>
      </c>
      <c r="T91" s="3" t="s">
        <v>37</v>
      </c>
      <c r="U91" s="3" t="s">
        <v>37</v>
      </c>
      <c r="V91" s="3" t="s">
        <v>37</v>
      </c>
    </row>
    <row r="92" spans="1:22" x14ac:dyDescent="0.25">
      <c r="A92" s="3" t="s">
        <v>913</v>
      </c>
      <c r="B92" s="4" t="s">
        <v>249</v>
      </c>
      <c r="C92" s="3" t="s">
        <v>250</v>
      </c>
      <c r="D92" s="5" t="s">
        <v>228</v>
      </c>
      <c r="E92" s="3" t="s">
        <v>925</v>
      </c>
      <c r="F92" s="3" t="s">
        <v>1194</v>
      </c>
      <c r="G92" s="3" t="s">
        <v>29</v>
      </c>
      <c r="H92" s="3" t="s">
        <v>64</v>
      </c>
      <c r="I92" s="3" t="s">
        <v>927</v>
      </c>
      <c r="J92" s="3" t="s">
        <v>1195</v>
      </c>
      <c r="K92" s="3" t="s">
        <v>32</v>
      </c>
      <c r="L92" s="3" t="s">
        <v>33</v>
      </c>
      <c r="M92" s="3" t="s">
        <v>34</v>
      </c>
      <c r="N92" s="3" t="s">
        <v>67</v>
      </c>
      <c r="O92" s="3" t="s">
        <v>52</v>
      </c>
      <c r="P92" s="3" t="s">
        <v>37</v>
      </c>
      <c r="Q92" s="3" t="s">
        <v>37</v>
      </c>
      <c r="R92" s="3" t="s">
        <v>38</v>
      </c>
      <c r="S92" s="3" t="s">
        <v>1196</v>
      </c>
      <c r="T92" s="3" t="s">
        <v>37</v>
      </c>
      <c r="U92" s="3" t="s">
        <v>37</v>
      </c>
      <c r="V92" s="3" t="s">
        <v>37</v>
      </c>
    </row>
    <row r="93" spans="1:22" x14ac:dyDescent="0.25">
      <c r="A93" s="3" t="s">
        <v>913</v>
      </c>
      <c r="B93" s="4" t="s">
        <v>249</v>
      </c>
      <c r="C93" s="3" t="s">
        <v>250</v>
      </c>
      <c r="D93" s="5" t="s">
        <v>1103</v>
      </c>
      <c r="E93" s="3" t="s">
        <v>925</v>
      </c>
      <c r="F93" s="3" t="s">
        <v>1197</v>
      </c>
      <c r="G93" s="3" t="s">
        <v>78</v>
      </c>
      <c r="H93" s="3" t="s">
        <v>64</v>
      </c>
      <c r="I93" s="3" t="s">
        <v>927</v>
      </c>
      <c r="J93" s="3" t="s">
        <v>1198</v>
      </c>
      <c r="K93" s="3" t="s">
        <v>32</v>
      </c>
      <c r="L93" s="3" t="s">
        <v>33</v>
      </c>
      <c r="M93" s="3" t="s">
        <v>34</v>
      </c>
      <c r="N93" s="3" t="s">
        <v>67</v>
      </c>
      <c r="O93" s="3" t="s">
        <v>52</v>
      </c>
      <c r="P93" s="3" t="s">
        <v>37</v>
      </c>
      <c r="Q93" s="3" t="s">
        <v>37</v>
      </c>
      <c r="R93" s="3" t="s">
        <v>38</v>
      </c>
      <c r="S93" s="3" t="s">
        <v>1199</v>
      </c>
      <c r="T93" s="3" t="s">
        <v>37</v>
      </c>
      <c r="U93" s="3" t="s">
        <v>37</v>
      </c>
      <c r="V93" s="3" t="s">
        <v>37</v>
      </c>
    </row>
    <row r="94" spans="1:22" x14ac:dyDescent="0.25">
      <c r="A94" s="3" t="s">
        <v>913</v>
      </c>
      <c r="B94" s="4" t="s">
        <v>249</v>
      </c>
      <c r="C94" s="3" t="s">
        <v>250</v>
      </c>
      <c r="D94" s="5" t="s">
        <v>238</v>
      </c>
      <c r="E94" s="3" t="s">
        <v>925</v>
      </c>
      <c r="F94" s="3" t="s">
        <v>1200</v>
      </c>
      <c r="G94" s="3" t="s">
        <v>225</v>
      </c>
      <c r="H94" s="3" t="s">
        <v>64</v>
      </c>
      <c r="I94" s="3" t="s">
        <v>927</v>
      </c>
      <c r="J94" s="3" t="s">
        <v>1201</v>
      </c>
      <c r="K94" s="3" t="s">
        <v>32</v>
      </c>
      <c r="L94" s="3" t="s">
        <v>33</v>
      </c>
      <c r="M94" s="3" t="s">
        <v>34</v>
      </c>
      <c r="N94" s="3" t="s">
        <v>67</v>
      </c>
      <c r="O94" s="3" t="s">
        <v>52</v>
      </c>
      <c r="P94" s="3" t="s">
        <v>37</v>
      </c>
      <c r="Q94" s="3" t="s">
        <v>37</v>
      </c>
      <c r="R94" s="3" t="s">
        <v>38</v>
      </c>
      <c r="S94" s="3" t="s">
        <v>1202</v>
      </c>
      <c r="T94" s="3" t="s">
        <v>37</v>
      </c>
      <c r="U94" s="3" t="s">
        <v>37</v>
      </c>
      <c r="V94" s="3" t="s">
        <v>37</v>
      </c>
    </row>
    <row r="95" spans="1:22" x14ac:dyDescent="0.25">
      <c r="A95" s="3" t="s">
        <v>913</v>
      </c>
      <c r="B95" s="4" t="s">
        <v>249</v>
      </c>
      <c r="C95" s="3" t="s">
        <v>250</v>
      </c>
      <c r="D95" s="5" t="s">
        <v>1110</v>
      </c>
      <c r="E95" s="3" t="s">
        <v>490</v>
      </c>
      <c r="F95" s="3" t="s">
        <v>1203</v>
      </c>
      <c r="G95" s="3" t="s">
        <v>364</v>
      </c>
      <c r="H95" s="3" t="s">
        <v>78</v>
      </c>
      <c r="I95" s="3" t="s">
        <v>1112</v>
      </c>
      <c r="J95" s="3" t="s">
        <v>1204</v>
      </c>
      <c r="K95" s="3" t="s">
        <v>32</v>
      </c>
      <c r="L95" s="3" t="s">
        <v>33</v>
      </c>
      <c r="M95" s="3" t="s">
        <v>34</v>
      </c>
      <c r="N95" s="3" t="s">
        <v>80</v>
      </c>
      <c r="O95" s="3" t="s">
        <v>86</v>
      </c>
      <c r="P95" s="3" t="s">
        <v>37</v>
      </c>
      <c r="Q95" s="3" t="s">
        <v>37</v>
      </c>
      <c r="R95" s="3" t="s">
        <v>38</v>
      </c>
      <c r="S95" s="3" t="s">
        <v>1205</v>
      </c>
      <c r="T95" s="3" t="s">
        <v>37</v>
      </c>
      <c r="U95" s="3" t="s">
        <v>37</v>
      </c>
      <c r="V95" s="3" t="s">
        <v>37</v>
      </c>
    </row>
    <row r="96" spans="1:22" x14ac:dyDescent="0.25">
      <c r="A96" s="3"/>
      <c r="B96" s="4"/>
      <c r="C96" s="3"/>
      <c r="D96" s="5"/>
      <c r="E96" s="6" t="s">
        <v>1115</v>
      </c>
      <c r="F96" s="3"/>
      <c r="G96" s="3"/>
      <c r="H96" s="3"/>
      <c r="I96" s="3"/>
      <c r="J96" s="3"/>
      <c r="K96" s="3"/>
      <c r="L96" s="3"/>
      <c r="M96" s="3"/>
      <c r="N96" s="3"/>
      <c r="O96" s="3"/>
      <c r="P96" s="3"/>
      <c r="Q96" s="3"/>
      <c r="R96" s="3"/>
      <c r="S96" s="3"/>
      <c r="T96" s="3"/>
      <c r="U96" s="3"/>
      <c r="V96" s="3"/>
    </row>
    <row r="97" spans="1:22" x14ac:dyDescent="0.25">
      <c r="A97" s="3"/>
      <c r="B97" s="4"/>
      <c r="C97" s="3"/>
      <c r="D97" s="5"/>
      <c r="E97" s="3"/>
      <c r="F97" s="3"/>
      <c r="G97" s="3"/>
      <c r="H97" s="3"/>
      <c r="I97" s="3"/>
      <c r="J97" s="3"/>
      <c r="K97" s="3"/>
      <c r="L97" s="3"/>
      <c r="M97" s="3"/>
      <c r="N97" s="3"/>
      <c r="O97" s="3"/>
      <c r="P97" s="3"/>
      <c r="Q97" s="3"/>
      <c r="R97" s="3"/>
      <c r="S97" s="3"/>
      <c r="T97" s="3"/>
      <c r="U97" s="3"/>
      <c r="V97" s="3"/>
    </row>
    <row r="98" spans="1:22" x14ac:dyDescent="0.25">
      <c r="A98" s="3" t="s">
        <v>913</v>
      </c>
      <c r="B98" s="4" t="s">
        <v>397</v>
      </c>
      <c r="C98" s="3" t="s">
        <v>398</v>
      </c>
      <c r="D98" s="5" t="s">
        <v>25</v>
      </c>
      <c r="E98" s="3" t="s">
        <v>914</v>
      </c>
      <c r="F98" s="3" t="s">
        <v>1206</v>
      </c>
      <c r="G98" s="3" t="s">
        <v>202</v>
      </c>
      <c r="H98" s="3" t="s">
        <v>29</v>
      </c>
      <c r="I98" s="3" t="s">
        <v>1604</v>
      </c>
      <c r="J98" s="3" t="s">
        <v>1207</v>
      </c>
      <c r="K98" s="3" t="s">
        <v>32</v>
      </c>
      <c r="L98" s="3" t="s">
        <v>33</v>
      </c>
      <c r="M98" s="3" t="s">
        <v>66</v>
      </c>
      <c r="N98" s="3" t="s">
        <v>918</v>
      </c>
      <c r="O98" s="3" t="s">
        <v>86</v>
      </c>
      <c r="P98" s="3" t="s">
        <v>37</v>
      </c>
      <c r="Q98" s="3" t="s">
        <v>37</v>
      </c>
      <c r="R98" s="3" t="s">
        <v>38</v>
      </c>
      <c r="S98" s="3" t="s">
        <v>1208</v>
      </c>
      <c r="T98" s="3" t="s">
        <v>37</v>
      </c>
      <c r="U98" s="3" t="s">
        <v>37</v>
      </c>
      <c r="V98" s="3" t="s">
        <v>37</v>
      </c>
    </row>
    <row r="99" spans="1:22" x14ac:dyDescent="0.25">
      <c r="A99" s="3" t="s">
        <v>913</v>
      </c>
      <c r="B99" s="4" t="s">
        <v>397</v>
      </c>
      <c r="C99" s="3" t="s">
        <v>398</v>
      </c>
      <c r="D99" s="5" t="s">
        <v>920</v>
      </c>
      <c r="E99" s="3" t="s">
        <v>914</v>
      </c>
      <c r="F99" s="3" t="s">
        <v>1209</v>
      </c>
      <c r="G99" s="3" t="s">
        <v>117</v>
      </c>
      <c r="H99" s="3" t="s">
        <v>29</v>
      </c>
      <c r="I99" s="3" t="s">
        <v>1605</v>
      </c>
      <c r="J99" s="3" t="s">
        <v>1210</v>
      </c>
      <c r="K99" s="3" t="s">
        <v>32</v>
      </c>
      <c r="L99" s="3" t="s">
        <v>33</v>
      </c>
      <c r="M99" s="3" t="s">
        <v>66</v>
      </c>
      <c r="N99" s="3" t="s">
        <v>918</v>
      </c>
      <c r="O99" s="3" t="s">
        <v>86</v>
      </c>
      <c r="P99" s="3" t="s">
        <v>37</v>
      </c>
      <c r="Q99" s="3" t="s">
        <v>37</v>
      </c>
      <c r="R99" s="3" t="s">
        <v>38</v>
      </c>
      <c r="S99" s="3" t="s">
        <v>1211</v>
      </c>
      <c r="T99" s="3" t="s">
        <v>37</v>
      </c>
      <c r="U99" s="3" t="s">
        <v>37</v>
      </c>
      <c r="V99" s="3" t="s">
        <v>37</v>
      </c>
    </row>
    <row r="100" spans="1:22" x14ac:dyDescent="0.25">
      <c r="A100" s="3" t="s">
        <v>913</v>
      </c>
      <c r="B100" s="4" t="s">
        <v>397</v>
      </c>
      <c r="C100" s="3" t="s">
        <v>398</v>
      </c>
      <c r="D100" s="5" t="s">
        <v>45</v>
      </c>
      <c r="E100" s="3" t="s">
        <v>936</v>
      </c>
      <c r="F100" s="3" t="s">
        <v>1034</v>
      </c>
      <c r="G100" s="3" t="s">
        <v>64</v>
      </c>
      <c r="H100" s="3" t="s">
        <v>64</v>
      </c>
      <c r="I100" s="3" t="s">
        <v>938</v>
      </c>
      <c r="J100" s="3" t="s">
        <v>1035</v>
      </c>
      <c r="K100" s="3" t="s">
        <v>32</v>
      </c>
      <c r="L100" s="3" t="s">
        <v>33</v>
      </c>
      <c r="M100" s="3" t="s">
        <v>940</v>
      </c>
      <c r="N100" s="3" t="s">
        <v>80</v>
      </c>
      <c r="O100" s="3" t="s">
        <v>152</v>
      </c>
      <c r="P100" s="3" t="s">
        <v>37</v>
      </c>
      <c r="Q100" s="3" t="s">
        <v>37</v>
      </c>
      <c r="R100" s="3" t="s">
        <v>38</v>
      </c>
      <c r="S100" s="3" t="s">
        <v>1036</v>
      </c>
      <c r="T100" s="3" t="s">
        <v>37</v>
      </c>
      <c r="U100" s="3" t="s">
        <v>37</v>
      </c>
      <c r="V100" s="3" t="s">
        <v>37</v>
      </c>
    </row>
    <row r="101" spans="1:22" x14ac:dyDescent="0.25">
      <c r="A101" s="3" t="s">
        <v>913</v>
      </c>
      <c r="B101" s="4" t="s">
        <v>397</v>
      </c>
      <c r="C101" s="3" t="s">
        <v>398</v>
      </c>
      <c r="D101" s="5" t="s">
        <v>1212</v>
      </c>
      <c r="E101" s="3" t="s">
        <v>936</v>
      </c>
      <c r="F101" s="3" t="s">
        <v>1031</v>
      </c>
      <c r="G101" s="3" t="s">
        <v>29</v>
      </c>
      <c r="H101" s="3" t="s">
        <v>64</v>
      </c>
      <c r="I101" s="3" t="s">
        <v>951</v>
      </c>
      <c r="J101" s="3" t="s">
        <v>1032</v>
      </c>
      <c r="K101" s="3" t="s">
        <v>32</v>
      </c>
      <c r="L101" s="3" t="s">
        <v>33</v>
      </c>
      <c r="M101" s="3" t="s">
        <v>940</v>
      </c>
      <c r="N101" s="3" t="s">
        <v>80</v>
      </c>
      <c r="O101" s="3" t="s">
        <v>152</v>
      </c>
      <c r="P101" s="3" t="s">
        <v>37</v>
      </c>
      <c r="Q101" s="3" t="s">
        <v>37</v>
      </c>
      <c r="R101" s="3" t="s">
        <v>38</v>
      </c>
      <c r="S101" s="3" t="s">
        <v>1033</v>
      </c>
      <c r="T101" s="3" t="s">
        <v>37</v>
      </c>
      <c r="U101" s="3" t="s">
        <v>37</v>
      </c>
      <c r="V101" s="3" t="s">
        <v>37</v>
      </c>
    </row>
    <row r="102" spans="1:22" x14ac:dyDescent="0.25">
      <c r="A102" s="3" t="s">
        <v>913</v>
      </c>
      <c r="B102" s="4" t="s">
        <v>397</v>
      </c>
      <c r="C102" s="3" t="s">
        <v>398</v>
      </c>
      <c r="D102" s="5" t="s">
        <v>1213</v>
      </c>
      <c r="E102" s="3" t="s">
        <v>936</v>
      </c>
      <c r="F102" s="3" t="s">
        <v>1045</v>
      </c>
      <c r="G102" s="3" t="s">
        <v>78</v>
      </c>
      <c r="H102" s="3" t="s">
        <v>64</v>
      </c>
      <c r="I102" s="3" t="s">
        <v>951</v>
      </c>
      <c r="J102" s="3" t="s">
        <v>1046</v>
      </c>
      <c r="K102" s="3" t="s">
        <v>32</v>
      </c>
      <c r="L102" s="3" t="s">
        <v>33</v>
      </c>
      <c r="M102" s="3" t="s">
        <v>940</v>
      </c>
      <c r="N102" s="3" t="s">
        <v>80</v>
      </c>
      <c r="O102" s="3" t="s">
        <v>152</v>
      </c>
      <c r="P102" s="3" t="s">
        <v>37</v>
      </c>
      <c r="Q102" s="3" t="s">
        <v>37</v>
      </c>
      <c r="R102" s="3" t="s">
        <v>38</v>
      </c>
      <c r="S102" s="3" t="s">
        <v>1047</v>
      </c>
      <c r="T102" s="3" t="s">
        <v>37</v>
      </c>
      <c r="U102" s="3" t="s">
        <v>37</v>
      </c>
      <c r="V102" s="3" t="s">
        <v>37</v>
      </c>
    </row>
    <row r="103" spans="1:22" x14ac:dyDescent="0.25">
      <c r="A103" s="3" t="s">
        <v>913</v>
      </c>
      <c r="B103" s="4" t="s">
        <v>397</v>
      </c>
      <c r="C103" s="3" t="s">
        <v>398</v>
      </c>
      <c r="D103" s="5" t="s">
        <v>930</v>
      </c>
      <c r="E103" s="3" t="s">
        <v>936</v>
      </c>
      <c r="F103" s="3" t="s">
        <v>1214</v>
      </c>
      <c r="G103" s="3" t="s">
        <v>333</v>
      </c>
      <c r="H103" s="3" t="s">
        <v>64</v>
      </c>
      <c r="I103" s="3" t="s">
        <v>951</v>
      </c>
      <c r="J103" s="8" t="s">
        <v>1215</v>
      </c>
      <c r="K103" s="3" t="s">
        <v>32</v>
      </c>
      <c r="L103" s="3" t="s">
        <v>33</v>
      </c>
      <c r="M103" s="3" t="s">
        <v>940</v>
      </c>
      <c r="N103" s="3" t="s">
        <v>80</v>
      </c>
      <c r="O103" s="3" t="s">
        <v>152</v>
      </c>
      <c r="P103" s="3" t="s">
        <v>37</v>
      </c>
      <c r="Q103" s="3" t="s">
        <v>37</v>
      </c>
      <c r="R103" s="3" t="s">
        <v>38</v>
      </c>
      <c r="S103" s="3" t="s">
        <v>1216</v>
      </c>
      <c r="T103" s="3" t="s">
        <v>37</v>
      </c>
      <c r="U103" s="3" t="s">
        <v>37</v>
      </c>
      <c r="V103" s="3" t="s">
        <v>37</v>
      </c>
    </row>
    <row r="104" spans="1:22" x14ac:dyDescent="0.25">
      <c r="A104" s="3" t="s">
        <v>913</v>
      </c>
      <c r="B104" s="4" t="s">
        <v>397</v>
      </c>
      <c r="C104" s="3" t="s">
        <v>398</v>
      </c>
      <c r="D104" s="5" t="s">
        <v>1217</v>
      </c>
      <c r="E104" s="3" t="s">
        <v>936</v>
      </c>
      <c r="F104" s="3" t="s">
        <v>1606</v>
      </c>
      <c r="G104" s="3" t="s">
        <v>711</v>
      </c>
      <c r="H104" s="3" t="s">
        <v>64</v>
      </c>
      <c r="I104" s="3" t="s">
        <v>938</v>
      </c>
      <c r="J104" s="3" t="s">
        <v>1219</v>
      </c>
      <c r="K104" s="3" t="s">
        <v>32</v>
      </c>
      <c r="L104" s="3" t="s">
        <v>33</v>
      </c>
      <c r="M104" s="3" t="s">
        <v>940</v>
      </c>
      <c r="N104" s="3" t="s">
        <v>80</v>
      </c>
      <c r="O104" s="3" t="s">
        <v>152</v>
      </c>
      <c r="P104" s="3" t="s">
        <v>37</v>
      </c>
      <c r="Q104" s="3" t="s">
        <v>37</v>
      </c>
      <c r="R104" s="3" t="s">
        <v>38</v>
      </c>
      <c r="S104" s="3" t="s">
        <v>1220</v>
      </c>
      <c r="T104" s="3" t="s">
        <v>37</v>
      </c>
      <c r="U104" s="3" t="s">
        <v>37</v>
      </c>
      <c r="V104" s="3" t="s">
        <v>37</v>
      </c>
    </row>
    <row r="105" spans="1:22" x14ac:dyDescent="0.25">
      <c r="A105" s="3" t="s">
        <v>913</v>
      </c>
      <c r="B105" s="4" t="s">
        <v>397</v>
      </c>
      <c r="C105" s="3" t="s">
        <v>398</v>
      </c>
      <c r="D105" s="5" t="s">
        <v>1221</v>
      </c>
      <c r="E105" s="3" t="s">
        <v>936</v>
      </c>
      <c r="F105" s="3" t="s">
        <v>1607</v>
      </c>
      <c r="G105" s="3" t="s">
        <v>773</v>
      </c>
      <c r="H105" s="3" t="s">
        <v>64</v>
      </c>
      <c r="I105" s="3" t="s">
        <v>938</v>
      </c>
      <c r="J105" s="3" t="s">
        <v>1223</v>
      </c>
      <c r="K105" s="3" t="s">
        <v>32</v>
      </c>
      <c r="L105" s="3" t="s">
        <v>33</v>
      </c>
      <c r="M105" s="3" t="s">
        <v>940</v>
      </c>
      <c r="N105" s="3" t="s">
        <v>80</v>
      </c>
      <c r="O105" s="3" t="s">
        <v>152</v>
      </c>
      <c r="P105" s="3" t="s">
        <v>37</v>
      </c>
      <c r="Q105" s="3" t="s">
        <v>37</v>
      </c>
      <c r="R105" s="3" t="s">
        <v>38</v>
      </c>
      <c r="S105" s="3" t="s">
        <v>1224</v>
      </c>
      <c r="T105" s="3" t="s">
        <v>37</v>
      </c>
      <c r="U105" s="3" t="s">
        <v>37</v>
      </c>
      <c r="V105" s="3" t="s">
        <v>37</v>
      </c>
    </row>
    <row r="106" spans="1:22" x14ac:dyDescent="0.25">
      <c r="A106" s="3" t="s">
        <v>913</v>
      </c>
      <c r="B106" s="4" t="s">
        <v>397</v>
      </c>
      <c r="C106" s="3" t="s">
        <v>398</v>
      </c>
      <c r="D106" s="5" t="s">
        <v>935</v>
      </c>
      <c r="E106" s="3" t="s">
        <v>490</v>
      </c>
      <c r="F106" s="3" t="s">
        <v>1225</v>
      </c>
      <c r="G106" s="3" t="s">
        <v>29</v>
      </c>
      <c r="H106" s="3" t="s">
        <v>64</v>
      </c>
      <c r="I106" s="3" t="s">
        <v>498</v>
      </c>
      <c r="J106" s="3" t="s">
        <v>1608</v>
      </c>
      <c r="K106" s="3" t="s">
        <v>32</v>
      </c>
      <c r="L106" s="3" t="s">
        <v>494</v>
      </c>
      <c r="M106" s="3" t="s">
        <v>34</v>
      </c>
      <c r="N106" s="3" t="s">
        <v>35</v>
      </c>
      <c r="O106" s="3" t="s">
        <v>86</v>
      </c>
      <c r="P106" s="3" t="s">
        <v>37</v>
      </c>
      <c r="Q106" s="3" t="s">
        <v>37</v>
      </c>
      <c r="R106" s="3" t="s">
        <v>38</v>
      </c>
      <c r="S106" s="3" t="s">
        <v>1226</v>
      </c>
      <c r="T106" s="3" t="s">
        <v>37</v>
      </c>
      <c r="U106" s="3" t="s">
        <v>37</v>
      </c>
      <c r="V106" s="3" t="s">
        <v>37</v>
      </c>
    </row>
    <row r="107" spans="1:22" x14ac:dyDescent="0.25">
      <c r="A107" s="3" t="s">
        <v>913</v>
      </c>
      <c r="B107" s="4" t="s">
        <v>397</v>
      </c>
      <c r="C107" s="3" t="s">
        <v>398</v>
      </c>
      <c r="D107" s="5" t="s">
        <v>949</v>
      </c>
      <c r="E107" s="3" t="s">
        <v>490</v>
      </c>
      <c r="F107" s="3" t="s">
        <v>1227</v>
      </c>
      <c r="G107" s="3" t="s">
        <v>117</v>
      </c>
      <c r="H107" s="3" t="s">
        <v>29</v>
      </c>
      <c r="I107" s="3" t="s">
        <v>1112</v>
      </c>
      <c r="J107" s="3" t="s">
        <v>1609</v>
      </c>
      <c r="K107" s="3" t="s">
        <v>32</v>
      </c>
      <c r="L107" s="3" t="s">
        <v>37</v>
      </c>
      <c r="M107" s="3" t="s">
        <v>34</v>
      </c>
      <c r="N107" s="3" t="s">
        <v>137</v>
      </c>
      <c r="O107" s="3" t="s">
        <v>86</v>
      </c>
      <c r="P107" s="3" t="s">
        <v>37</v>
      </c>
      <c r="Q107" s="3" t="s">
        <v>37</v>
      </c>
      <c r="R107" s="3" t="s">
        <v>38</v>
      </c>
      <c r="S107" s="3" t="s">
        <v>1228</v>
      </c>
      <c r="T107" s="3" t="s">
        <v>37</v>
      </c>
      <c r="U107" s="3" t="s">
        <v>37</v>
      </c>
      <c r="V107" s="3" t="s">
        <v>37</v>
      </c>
    </row>
    <row r="108" spans="1:22" x14ac:dyDescent="0.25">
      <c r="A108" s="3" t="s">
        <v>913</v>
      </c>
      <c r="B108" s="4" t="s">
        <v>397</v>
      </c>
      <c r="C108" s="3" t="s">
        <v>398</v>
      </c>
      <c r="D108" s="5" t="s">
        <v>636</v>
      </c>
      <c r="E108" s="3" t="s">
        <v>914</v>
      </c>
      <c r="F108" s="3" t="s">
        <v>1229</v>
      </c>
      <c r="G108" s="3" t="s">
        <v>1088</v>
      </c>
      <c r="H108" s="3" t="s">
        <v>78</v>
      </c>
      <c r="I108" s="3" t="s">
        <v>1230</v>
      </c>
      <c r="J108" s="3" t="s">
        <v>1231</v>
      </c>
      <c r="K108" s="3" t="s">
        <v>32</v>
      </c>
      <c r="L108" s="3" t="s">
        <v>33</v>
      </c>
      <c r="M108" s="3" t="s">
        <v>66</v>
      </c>
      <c r="N108" s="3" t="s">
        <v>918</v>
      </c>
      <c r="O108" s="3" t="s">
        <v>86</v>
      </c>
      <c r="P108" s="3" t="s">
        <v>37</v>
      </c>
      <c r="Q108" s="3" t="s">
        <v>37</v>
      </c>
      <c r="R108" s="3" t="s">
        <v>38</v>
      </c>
      <c r="S108" s="3" t="s">
        <v>1232</v>
      </c>
      <c r="T108" s="3" t="s">
        <v>37</v>
      </c>
      <c r="U108" s="3" t="s">
        <v>37</v>
      </c>
      <c r="V108" s="3" t="s">
        <v>37</v>
      </c>
    </row>
    <row r="109" spans="1:22" x14ac:dyDescent="0.25">
      <c r="A109" s="3" t="s">
        <v>913</v>
      </c>
      <c r="B109" s="4" t="s">
        <v>397</v>
      </c>
      <c r="C109" s="3" t="s">
        <v>398</v>
      </c>
      <c r="D109" s="5" t="s">
        <v>966</v>
      </c>
      <c r="E109" s="3" t="s">
        <v>914</v>
      </c>
      <c r="F109" s="3" t="s">
        <v>1233</v>
      </c>
      <c r="G109" s="3" t="s">
        <v>1175</v>
      </c>
      <c r="H109" s="3" t="s">
        <v>78</v>
      </c>
      <c r="I109" s="3" t="s">
        <v>1234</v>
      </c>
      <c r="J109" s="3" t="s">
        <v>1235</v>
      </c>
      <c r="K109" s="3" t="s">
        <v>32</v>
      </c>
      <c r="L109" s="3" t="s">
        <v>33</v>
      </c>
      <c r="M109" s="3" t="s">
        <v>66</v>
      </c>
      <c r="N109" s="3" t="s">
        <v>918</v>
      </c>
      <c r="O109" s="3" t="s">
        <v>86</v>
      </c>
      <c r="P109" s="3" t="s">
        <v>37</v>
      </c>
      <c r="Q109" s="3" t="s">
        <v>37</v>
      </c>
      <c r="R109" s="3" t="s">
        <v>38</v>
      </c>
      <c r="S109" s="3" t="s">
        <v>1236</v>
      </c>
      <c r="T109" s="3" t="s">
        <v>37</v>
      </c>
      <c r="U109" s="3" t="s">
        <v>37</v>
      </c>
      <c r="V109" s="3" t="s">
        <v>37</v>
      </c>
    </row>
    <row r="110" spans="1:22" x14ac:dyDescent="0.25">
      <c r="A110" s="3" t="s">
        <v>913</v>
      </c>
      <c r="B110" s="4" t="s">
        <v>397</v>
      </c>
      <c r="C110" s="3" t="s">
        <v>398</v>
      </c>
      <c r="D110" s="5" t="s">
        <v>971</v>
      </c>
      <c r="E110" s="3" t="s">
        <v>931</v>
      </c>
      <c r="F110" s="3" t="s">
        <v>1237</v>
      </c>
      <c r="G110" s="3" t="s">
        <v>64</v>
      </c>
      <c r="H110" s="3" t="s">
        <v>64</v>
      </c>
      <c r="I110" s="3" t="s">
        <v>37</v>
      </c>
      <c r="J110" s="3" t="s">
        <v>1238</v>
      </c>
      <c r="K110" s="3" t="s">
        <v>32</v>
      </c>
      <c r="L110" s="3" t="s">
        <v>33</v>
      </c>
      <c r="M110" s="3" t="s">
        <v>66</v>
      </c>
      <c r="N110" s="3" t="s">
        <v>67</v>
      </c>
      <c r="O110" s="3" t="s">
        <v>36</v>
      </c>
      <c r="P110" s="3" t="s">
        <v>37</v>
      </c>
      <c r="Q110" s="3" t="s">
        <v>37</v>
      </c>
      <c r="R110" s="3" t="s">
        <v>38</v>
      </c>
      <c r="S110" s="3" t="s">
        <v>1239</v>
      </c>
      <c r="T110" s="3" t="s">
        <v>37</v>
      </c>
      <c r="U110" s="3" t="s">
        <v>37</v>
      </c>
      <c r="V110" s="3" t="s">
        <v>37</v>
      </c>
    </row>
    <row r="111" spans="1:22" x14ac:dyDescent="0.25">
      <c r="A111" s="3" t="s">
        <v>913</v>
      </c>
      <c r="B111" s="4" t="s">
        <v>397</v>
      </c>
      <c r="C111" s="3" t="s">
        <v>398</v>
      </c>
      <c r="D111" s="5" t="s">
        <v>976</v>
      </c>
      <c r="E111" s="3" t="s">
        <v>931</v>
      </c>
      <c r="F111" s="3" t="s">
        <v>1240</v>
      </c>
      <c r="G111" s="3" t="s">
        <v>95</v>
      </c>
      <c r="H111" s="3" t="s">
        <v>64</v>
      </c>
      <c r="I111" s="3" t="s">
        <v>37</v>
      </c>
      <c r="J111" s="3" t="s">
        <v>1241</v>
      </c>
      <c r="K111" s="3" t="s">
        <v>32</v>
      </c>
      <c r="L111" s="3" t="s">
        <v>33</v>
      </c>
      <c r="M111" s="3" t="s">
        <v>66</v>
      </c>
      <c r="N111" s="3" t="s">
        <v>67</v>
      </c>
      <c r="O111" s="3" t="s">
        <v>36</v>
      </c>
      <c r="P111" s="3" t="s">
        <v>37</v>
      </c>
      <c r="Q111" s="3" t="s">
        <v>37</v>
      </c>
      <c r="R111" s="3" t="s">
        <v>38</v>
      </c>
      <c r="S111" s="3" t="s">
        <v>1242</v>
      </c>
      <c r="T111" s="3" t="s">
        <v>37</v>
      </c>
      <c r="U111" s="3" t="s">
        <v>37</v>
      </c>
      <c r="V111" s="3" t="s">
        <v>37</v>
      </c>
    </row>
    <row r="112" spans="1:22" x14ac:dyDescent="0.25">
      <c r="A112" s="3" t="s">
        <v>913</v>
      </c>
      <c r="B112" s="4" t="s">
        <v>397</v>
      </c>
      <c r="C112" s="3" t="s">
        <v>398</v>
      </c>
      <c r="D112" s="5" t="s">
        <v>980</v>
      </c>
      <c r="E112" s="3" t="s">
        <v>931</v>
      </c>
      <c r="F112" s="3" t="s">
        <v>1243</v>
      </c>
      <c r="G112" s="3" t="s">
        <v>439</v>
      </c>
      <c r="H112" s="3" t="s">
        <v>64</v>
      </c>
      <c r="I112" s="3" t="s">
        <v>37</v>
      </c>
      <c r="J112" s="3" t="s">
        <v>1244</v>
      </c>
      <c r="K112" s="3" t="s">
        <v>32</v>
      </c>
      <c r="L112" s="3" t="s">
        <v>33</v>
      </c>
      <c r="M112" s="3" t="s">
        <v>66</v>
      </c>
      <c r="N112" s="3" t="s">
        <v>67</v>
      </c>
      <c r="O112" s="3" t="s">
        <v>36</v>
      </c>
      <c r="P112" s="3" t="s">
        <v>37</v>
      </c>
      <c r="Q112" s="3" t="s">
        <v>37</v>
      </c>
      <c r="R112" s="3" t="s">
        <v>38</v>
      </c>
      <c r="S112" s="3" t="s">
        <v>1245</v>
      </c>
      <c r="T112" s="3" t="s">
        <v>37</v>
      </c>
      <c r="U112" s="3" t="s">
        <v>37</v>
      </c>
      <c r="V112" s="3" t="s">
        <v>37</v>
      </c>
    </row>
    <row r="113" spans="1:22" x14ac:dyDescent="0.25">
      <c r="A113" s="3" t="s">
        <v>913</v>
      </c>
      <c r="B113" s="4" t="s">
        <v>397</v>
      </c>
      <c r="C113" s="3" t="s">
        <v>398</v>
      </c>
      <c r="D113" s="5" t="s">
        <v>986</v>
      </c>
      <c r="E113" s="3" t="s">
        <v>931</v>
      </c>
      <c r="F113" s="3" t="s">
        <v>1246</v>
      </c>
      <c r="G113" s="3" t="s">
        <v>225</v>
      </c>
      <c r="H113" s="3" t="s">
        <v>64</v>
      </c>
      <c r="I113" s="3" t="s">
        <v>37</v>
      </c>
      <c r="J113" s="3" t="s">
        <v>1247</v>
      </c>
      <c r="K113" s="3" t="s">
        <v>32</v>
      </c>
      <c r="L113" s="3" t="s">
        <v>33</v>
      </c>
      <c r="M113" s="3" t="s">
        <v>66</v>
      </c>
      <c r="N113" s="3" t="s">
        <v>67</v>
      </c>
      <c r="O113" s="3" t="s">
        <v>36</v>
      </c>
      <c r="P113" s="3" t="s">
        <v>37</v>
      </c>
      <c r="Q113" s="3" t="s">
        <v>37</v>
      </c>
      <c r="R113" s="3" t="s">
        <v>38</v>
      </c>
      <c r="S113" s="3" t="s">
        <v>1248</v>
      </c>
      <c r="T113" s="3" t="s">
        <v>37</v>
      </c>
      <c r="U113" s="3" t="s">
        <v>37</v>
      </c>
      <c r="V113" s="3" t="s">
        <v>37</v>
      </c>
    </row>
    <row r="114" spans="1:22" x14ac:dyDescent="0.25">
      <c r="A114" s="3" t="s">
        <v>913</v>
      </c>
      <c r="B114" s="4" t="s">
        <v>397</v>
      </c>
      <c r="C114" s="3" t="s">
        <v>398</v>
      </c>
      <c r="D114" s="5" t="s">
        <v>990</v>
      </c>
      <c r="E114" s="3" t="s">
        <v>490</v>
      </c>
      <c r="F114" s="3" t="s">
        <v>1249</v>
      </c>
      <c r="G114" s="3" t="s">
        <v>225</v>
      </c>
      <c r="H114" s="3" t="s">
        <v>64</v>
      </c>
      <c r="I114" s="3" t="s">
        <v>791</v>
      </c>
      <c r="J114" s="3" t="s">
        <v>1610</v>
      </c>
      <c r="K114" s="3" t="s">
        <v>32</v>
      </c>
      <c r="L114" s="3" t="s">
        <v>494</v>
      </c>
      <c r="M114" s="3" t="s">
        <v>34</v>
      </c>
      <c r="N114" s="3" t="s">
        <v>35</v>
      </c>
      <c r="O114" s="3" t="s">
        <v>86</v>
      </c>
      <c r="P114" s="3" t="s">
        <v>37</v>
      </c>
      <c r="Q114" s="3" t="s">
        <v>37</v>
      </c>
      <c r="R114" s="3" t="s">
        <v>38</v>
      </c>
      <c r="S114" s="3" t="s">
        <v>1250</v>
      </c>
      <c r="T114" s="3" t="s">
        <v>37</v>
      </c>
      <c r="U114" s="3" t="s">
        <v>37</v>
      </c>
      <c r="V114" s="3" t="s">
        <v>37</v>
      </c>
    </row>
    <row r="115" spans="1:22" x14ac:dyDescent="0.25">
      <c r="A115" s="3" t="s">
        <v>913</v>
      </c>
      <c r="B115" s="4" t="s">
        <v>397</v>
      </c>
      <c r="C115" s="3" t="s">
        <v>398</v>
      </c>
      <c r="D115" s="5" t="s">
        <v>447</v>
      </c>
      <c r="E115" s="3" t="s">
        <v>490</v>
      </c>
      <c r="F115" s="3" t="s">
        <v>1251</v>
      </c>
      <c r="G115" s="3" t="s">
        <v>90</v>
      </c>
      <c r="H115" s="3" t="s">
        <v>64</v>
      </c>
      <c r="I115" s="3" t="s">
        <v>791</v>
      </c>
      <c r="J115" s="3" t="s">
        <v>1611</v>
      </c>
      <c r="K115" s="3" t="s">
        <v>32</v>
      </c>
      <c r="L115" s="3" t="s">
        <v>494</v>
      </c>
      <c r="M115" s="3" t="s">
        <v>34</v>
      </c>
      <c r="N115" s="3" t="s">
        <v>35</v>
      </c>
      <c r="O115" s="3" t="s">
        <v>86</v>
      </c>
      <c r="P115" s="3" t="s">
        <v>37</v>
      </c>
      <c r="Q115" s="3" t="s">
        <v>37</v>
      </c>
      <c r="R115" s="3" t="s">
        <v>38</v>
      </c>
      <c r="S115" s="3" t="s">
        <v>1252</v>
      </c>
      <c r="T115" s="3" t="s">
        <v>37</v>
      </c>
      <c r="U115" s="3" t="s">
        <v>37</v>
      </c>
      <c r="V115" s="3" t="s">
        <v>37</v>
      </c>
    </row>
    <row r="116" spans="1:22" x14ac:dyDescent="0.25">
      <c r="A116" s="3" t="s">
        <v>913</v>
      </c>
      <c r="B116" s="4" t="s">
        <v>397</v>
      </c>
      <c r="C116" s="3" t="s">
        <v>398</v>
      </c>
      <c r="D116" s="5" t="s">
        <v>122</v>
      </c>
      <c r="E116" s="3" t="s">
        <v>490</v>
      </c>
      <c r="F116" s="3" t="s">
        <v>1253</v>
      </c>
      <c r="G116" s="3" t="s">
        <v>711</v>
      </c>
      <c r="H116" s="3" t="s">
        <v>29</v>
      </c>
      <c r="I116" s="3" t="s">
        <v>1112</v>
      </c>
      <c r="J116" s="3" t="s">
        <v>1612</v>
      </c>
      <c r="K116" s="3" t="s">
        <v>32</v>
      </c>
      <c r="L116" s="3" t="s">
        <v>33</v>
      </c>
      <c r="M116" s="3" t="s">
        <v>34</v>
      </c>
      <c r="N116" s="3" t="s">
        <v>137</v>
      </c>
      <c r="O116" s="3" t="s">
        <v>86</v>
      </c>
      <c r="P116" s="3" t="s">
        <v>37</v>
      </c>
      <c r="Q116" s="3" t="s">
        <v>37</v>
      </c>
      <c r="R116" s="3" t="s">
        <v>38</v>
      </c>
      <c r="S116" s="3" t="s">
        <v>1254</v>
      </c>
      <c r="T116" s="3" t="s">
        <v>37</v>
      </c>
      <c r="U116" s="3" t="s">
        <v>37</v>
      </c>
      <c r="V116" s="3" t="s">
        <v>37</v>
      </c>
    </row>
    <row r="117" spans="1:22" x14ac:dyDescent="0.25">
      <c r="A117" s="3" t="s">
        <v>913</v>
      </c>
      <c r="B117" s="4" t="s">
        <v>397</v>
      </c>
      <c r="C117" s="3" t="s">
        <v>398</v>
      </c>
      <c r="D117" s="5" t="s">
        <v>319</v>
      </c>
      <c r="E117" s="3" t="s">
        <v>490</v>
      </c>
      <c r="F117" s="3" t="s">
        <v>1255</v>
      </c>
      <c r="G117" s="3" t="s">
        <v>522</v>
      </c>
      <c r="H117" s="3" t="s">
        <v>29</v>
      </c>
      <c r="I117" s="3" t="s">
        <v>1112</v>
      </c>
      <c r="J117" s="3" t="s">
        <v>1613</v>
      </c>
      <c r="K117" s="3" t="s">
        <v>32</v>
      </c>
      <c r="L117" s="3" t="s">
        <v>37</v>
      </c>
      <c r="M117" s="3" t="s">
        <v>34</v>
      </c>
      <c r="N117" s="3" t="s">
        <v>137</v>
      </c>
      <c r="O117" s="3" t="s">
        <v>86</v>
      </c>
      <c r="P117" s="3" t="s">
        <v>37</v>
      </c>
      <c r="Q117" s="3" t="s">
        <v>37</v>
      </c>
      <c r="R117" s="3" t="s">
        <v>38</v>
      </c>
      <c r="S117" s="3" t="s">
        <v>1256</v>
      </c>
      <c r="T117" s="3" t="s">
        <v>37</v>
      </c>
      <c r="U117" s="3" t="s">
        <v>37</v>
      </c>
      <c r="V117" s="3" t="s">
        <v>37</v>
      </c>
    </row>
    <row r="118" spans="1:22" x14ac:dyDescent="0.25">
      <c r="A118" s="3" t="s">
        <v>913</v>
      </c>
      <c r="B118" s="4" t="s">
        <v>397</v>
      </c>
      <c r="C118" s="3" t="s">
        <v>398</v>
      </c>
      <c r="D118" s="5" t="s">
        <v>131</v>
      </c>
      <c r="E118" s="3" t="s">
        <v>936</v>
      </c>
      <c r="F118" s="3" t="s">
        <v>1614</v>
      </c>
      <c r="G118" s="3" t="s">
        <v>177</v>
      </c>
      <c r="H118" s="3" t="s">
        <v>64</v>
      </c>
      <c r="I118" s="3" t="s">
        <v>938</v>
      </c>
      <c r="J118" s="3" t="s">
        <v>1025</v>
      </c>
      <c r="K118" s="3" t="s">
        <v>32</v>
      </c>
      <c r="L118" s="3" t="s">
        <v>33</v>
      </c>
      <c r="M118" s="3" t="s">
        <v>940</v>
      </c>
      <c r="N118" s="3" t="s">
        <v>80</v>
      </c>
      <c r="O118" s="3" t="s">
        <v>152</v>
      </c>
      <c r="P118" s="3" t="s">
        <v>37</v>
      </c>
      <c r="Q118" s="3" t="s">
        <v>37</v>
      </c>
      <c r="R118" s="3" t="s">
        <v>38</v>
      </c>
      <c r="S118" s="3" t="s">
        <v>1026</v>
      </c>
      <c r="T118" s="3" t="s">
        <v>37</v>
      </c>
      <c r="U118" s="3" t="s">
        <v>37</v>
      </c>
      <c r="V118" s="3" t="s">
        <v>37</v>
      </c>
    </row>
    <row r="119" spans="1:22" x14ac:dyDescent="0.25">
      <c r="A119" s="3" t="s">
        <v>913</v>
      </c>
      <c r="B119" s="4" t="s">
        <v>397</v>
      </c>
      <c r="C119" s="3" t="s">
        <v>398</v>
      </c>
      <c r="D119" s="5" t="s">
        <v>656</v>
      </c>
      <c r="E119" s="3" t="s">
        <v>936</v>
      </c>
      <c r="F119" s="3" t="s">
        <v>1615</v>
      </c>
      <c r="G119" s="3" t="s">
        <v>182</v>
      </c>
      <c r="H119" s="3" t="s">
        <v>64</v>
      </c>
      <c r="I119" s="3" t="s">
        <v>938</v>
      </c>
      <c r="J119" s="3" t="s">
        <v>1011</v>
      </c>
      <c r="K119" s="3" t="s">
        <v>32</v>
      </c>
      <c r="L119" s="3" t="s">
        <v>33</v>
      </c>
      <c r="M119" s="3" t="s">
        <v>940</v>
      </c>
      <c r="N119" s="3" t="s">
        <v>80</v>
      </c>
      <c r="O119" s="3" t="s">
        <v>152</v>
      </c>
      <c r="P119" s="3" t="s">
        <v>37</v>
      </c>
      <c r="Q119" s="3" t="s">
        <v>37</v>
      </c>
      <c r="R119" s="3" t="s">
        <v>38</v>
      </c>
      <c r="S119" s="3" t="s">
        <v>1012</v>
      </c>
      <c r="T119" s="3" t="s">
        <v>37</v>
      </c>
      <c r="U119" s="3" t="s">
        <v>37</v>
      </c>
      <c r="V119" s="3" t="s">
        <v>37</v>
      </c>
    </row>
    <row r="120" spans="1:22" x14ac:dyDescent="0.25">
      <c r="A120" s="3" t="s">
        <v>913</v>
      </c>
      <c r="B120" s="4" t="s">
        <v>397</v>
      </c>
      <c r="C120" s="3" t="s">
        <v>398</v>
      </c>
      <c r="D120" s="5" t="s">
        <v>1037</v>
      </c>
      <c r="E120" s="3" t="s">
        <v>936</v>
      </c>
      <c r="F120" s="3" t="s">
        <v>1616</v>
      </c>
      <c r="G120" s="3" t="s">
        <v>340</v>
      </c>
      <c r="H120" s="3" t="s">
        <v>64</v>
      </c>
      <c r="I120" s="3" t="s">
        <v>938</v>
      </c>
      <c r="J120" s="3" t="s">
        <v>1014</v>
      </c>
      <c r="K120" s="3" t="s">
        <v>32</v>
      </c>
      <c r="L120" s="3" t="s">
        <v>33</v>
      </c>
      <c r="M120" s="3" t="s">
        <v>940</v>
      </c>
      <c r="N120" s="3" t="s">
        <v>80</v>
      </c>
      <c r="O120" s="3" t="s">
        <v>152</v>
      </c>
      <c r="P120" s="3" t="s">
        <v>37</v>
      </c>
      <c r="Q120" s="3" t="s">
        <v>37</v>
      </c>
      <c r="R120" s="3" t="s">
        <v>38</v>
      </c>
      <c r="S120" s="3" t="s">
        <v>1015</v>
      </c>
      <c r="T120" s="3" t="s">
        <v>37</v>
      </c>
      <c r="U120" s="3" t="s">
        <v>37</v>
      </c>
      <c r="V120" s="3" t="s">
        <v>37</v>
      </c>
    </row>
    <row r="121" spans="1:22" x14ac:dyDescent="0.25">
      <c r="A121" s="3" t="s">
        <v>913</v>
      </c>
      <c r="B121" s="4" t="s">
        <v>397</v>
      </c>
      <c r="C121" s="3" t="s">
        <v>398</v>
      </c>
      <c r="D121" s="5" t="s">
        <v>459</v>
      </c>
      <c r="E121" s="3" t="s">
        <v>936</v>
      </c>
      <c r="F121" s="3" t="s">
        <v>1617</v>
      </c>
      <c r="G121" s="3" t="s">
        <v>344</v>
      </c>
      <c r="H121" s="3" t="s">
        <v>64</v>
      </c>
      <c r="I121" s="3" t="s">
        <v>938</v>
      </c>
      <c r="J121" s="3" t="s">
        <v>1018</v>
      </c>
      <c r="K121" s="3" t="s">
        <v>32</v>
      </c>
      <c r="L121" s="3" t="s">
        <v>33</v>
      </c>
      <c r="M121" s="3" t="s">
        <v>940</v>
      </c>
      <c r="N121" s="3" t="s">
        <v>80</v>
      </c>
      <c r="O121" s="3" t="s">
        <v>152</v>
      </c>
      <c r="P121" s="3" t="s">
        <v>37</v>
      </c>
      <c r="Q121" s="3" t="s">
        <v>37</v>
      </c>
      <c r="R121" s="3" t="s">
        <v>38</v>
      </c>
      <c r="S121" s="3" t="s">
        <v>1019</v>
      </c>
      <c r="T121" s="3" t="s">
        <v>37</v>
      </c>
      <c r="U121" s="3" t="s">
        <v>37</v>
      </c>
      <c r="V121" s="3" t="s">
        <v>37</v>
      </c>
    </row>
    <row r="122" spans="1:22" x14ac:dyDescent="0.25">
      <c r="A122" s="3" t="s">
        <v>913</v>
      </c>
      <c r="B122" s="4" t="s">
        <v>397</v>
      </c>
      <c r="C122" s="3" t="s">
        <v>398</v>
      </c>
      <c r="D122" s="5" t="s">
        <v>1044</v>
      </c>
      <c r="E122" s="3" t="s">
        <v>936</v>
      </c>
      <c r="F122" s="3" t="s">
        <v>1618</v>
      </c>
      <c r="G122" s="3" t="s">
        <v>568</v>
      </c>
      <c r="H122" s="3" t="s">
        <v>64</v>
      </c>
      <c r="I122" s="3" t="s">
        <v>951</v>
      </c>
      <c r="J122" s="3" t="s">
        <v>1021</v>
      </c>
      <c r="K122" s="3" t="s">
        <v>32</v>
      </c>
      <c r="L122" s="3" t="s">
        <v>33</v>
      </c>
      <c r="M122" s="3" t="s">
        <v>940</v>
      </c>
      <c r="N122" s="3" t="s">
        <v>80</v>
      </c>
      <c r="O122" s="3" t="s">
        <v>152</v>
      </c>
      <c r="P122" s="3" t="s">
        <v>37</v>
      </c>
      <c r="Q122" s="3" t="s">
        <v>37</v>
      </c>
      <c r="R122" s="3" t="s">
        <v>38</v>
      </c>
      <c r="S122" s="3" t="s">
        <v>1022</v>
      </c>
      <c r="T122" s="3" t="s">
        <v>37</v>
      </c>
      <c r="U122" s="3" t="s">
        <v>37</v>
      </c>
      <c r="V122" s="3" t="s">
        <v>37</v>
      </c>
    </row>
    <row r="123" spans="1:22" x14ac:dyDescent="0.25">
      <c r="A123" s="3" t="s">
        <v>913</v>
      </c>
      <c r="B123" s="4" t="s">
        <v>397</v>
      </c>
      <c r="C123" s="3" t="s">
        <v>398</v>
      </c>
      <c r="D123" s="5" t="s">
        <v>145</v>
      </c>
      <c r="E123" s="3" t="s">
        <v>936</v>
      </c>
      <c r="F123" s="3" t="s">
        <v>1028</v>
      </c>
      <c r="G123" s="3" t="s">
        <v>286</v>
      </c>
      <c r="H123" s="3" t="s">
        <v>64</v>
      </c>
      <c r="I123" s="3" t="s">
        <v>951</v>
      </c>
      <c r="J123" s="3" t="s">
        <v>1029</v>
      </c>
      <c r="K123" s="3" t="s">
        <v>32</v>
      </c>
      <c r="L123" s="3" t="s">
        <v>33</v>
      </c>
      <c r="M123" s="3" t="s">
        <v>940</v>
      </c>
      <c r="N123" s="3" t="s">
        <v>80</v>
      </c>
      <c r="O123" s="3" t="s">
        <v>152</v>
      </c>
      <c r="P123" s="3" t="s">
        <v>37</v>
      </c>
      <c r="Q123" s="3" t="s">
        <v>37</v>
      </c>
      <c r="R123" s="3" t="s">
        <v>38</v>
      </c>
      <c r="S123" s="3" t="s">
        <v>1030</v>
      </c>
      <c r="T123" s="3" t="s">
        <v>37</v>
      </c>
      <c r="U123" s="3" t="s">
        <v>37</v>
      </c>
      <c r="V123" s="3" t="s">
        <v>37</v>
      </c>
    </row>
    <row r="124" spans="1:22" x14ac:dyDescent="0.25">
      <c r="A124" s="3" t="s">
        <v>913</v>
      </c>
      <c r="B124" s="4" t="s">
        <v>397</v>
      </c>
      <c r="C124" s="3" t="s">
        <v>398</v>
      </c>
      <c r="D124" s="5" t="s">
        <v>146</v>
      </c>
      <c r="E124" s="3" t="s">
        <v>936</v>
      </c>
      <c r="F124" s="3" t="s">
        <v>1034</v>
      </c>
      <c r="G124" s="3" t="s">
        <v>64</v>
      </c>
      <c r="H124" s="3" t="s">
        <v>64</v>
      </c>
      <c r="I124" s="3" t="s">
        <v>938</v>
      </c>
      <c r="J124" s="3" t="s">
        <v>1035</v>
      </c>
      <c r="K124" s="3" t="s">
        <v>32</v>
      </c>
      <c r="L124" s="3" t="s">
        <v>33</v>
      </c>
      <c r="M124" s="3" t="s">
        <v>940</v>
      </c>
      <c r="N124" s="3" t="s">
        <v>80</v>
      </c>
      <c r="O124" s="3" t="s">
        <v>152</v>
      </c>
      <c r="P124" s="3" t="s">
        <v>37</v>
      </c>
      <c r="Q124" s="3" t="s">
        <v>37</v>
      </c>
      <c r="R124" s="3" t="s">
        <v>38</v>
      </c>
      <c r="S124" s="3" t="s">
        <v>1036</v>
      </c>
      <c r="T124" s="3" t="s">
        <v>37</v>
      </c>
      <c r="U124" s="3" t="s">
        <v>37</v>
      </c>
      <c r="V124" s="3" t="s">
        <v>37</v>
      </c>
    </row>
    <row r="125" spans="1:22" x14ac:dyDescent="0.25">
      <c r="A125" s="3" t="s">
        <v>913</v>
      </c>
      <c r="B125" s="4" t="s">
        <v>397</v>
      </c>
      <c r="C125" s="3" t="s">
        <v>398</v>
      </c>
      <c r="D125" s="5" t="s">
        <v>1257</v>
      </c>
      <c r="E125" s="3" t="s">
        <v>936</v>
      </c>
      <c r="F125" s="3" t="s">
        <v>1031</v>
      </c>
      <c r="G125" s="3" t="s">
        <v>29</v>
      </c>
      <c r="H125" s="3" t="s">
        <v>64</v>
      </c>
      <c r="I125" s="3" t="s">
        <v>951</v>
      </c>
      <c r="J125" s="3" t="s">
        <v>1032</v>
      </c>
      <c r="K125" s="3" t="s">
        <v>32</v>
      </c>
      <c r="L125" s="3" t="s">
        <v>33</v>
      </c>
      <c r="M125" s="3" t="s">
        <v>940</v>
      </c>
      <c r="N125" s="3" t="s">
        <v>80</v>
      </c>
      <c r="O125" s="3" t="s">
        <v>152</v>
      </c>
      <c r="P125" s="3" t="s">
        <v>37</v>
      </c>
      <c r="Q125" s="3" t="s">
        <v>37</v>
      </c>
      <c r="R125" s="3" t="s">
        <v>38</v>
      </c>
      <c r="S125" s="3" t="s">
        <v>1033</v>
      </c>
      <c r="T125" s="3" t="s">
        <v>37</v>
      </c>
      <c r="U125" s="3" t="s">
        <v>37</v>
      </c>
      <c r="V125" s="3" t="s">
        <v>37</v>
      </c>
    </row>
    <row r="126" spans="1:22" x14ac:dyDescent="0.25">
      <c r="A126" s="3" t="s">
        <v>913</v>
      </c>
      <c r="B126" s="4" t="s">
        <v>397</v>
      </c>
      <c r="C126" s="3" t="s">
        <v>398</v>
      </c>
      <c r="D126" s="5" t="s">
        <v>1258</v>
      </c>
      <c r="E126" s="3" t="s">
        <v>1259</v>
      </c>
      <c r="F126" s="3" t="s">
        <v>1260</v>
      </c>
      <c r="G126" s="3" t="s">
        <v>90</v>
      </c>
      <c r="H126" s="3" t="s">
        <v>64</v>
      </c>
      <c r="I126" s="3" t="s">
        <v>37</v>
      </c>
      <c r="J126" s="7" t="s">
        <v>1261</v>
      </c>
      <c r="K126" s="3" t="s">
        <v>32</v>
      </c>
      <c r="L126" s="3" t="s">
        <v>33</v>
      </c>
      <c r="M126" s="3" t="s">
        <v>66</v>
      </c>
      <c r="N126" s="3" t="s">
        <v>80</v>
      </c>
      <c r="O126" s="3" t="s">
        <v>1619</v>
      </c>
      <c r="P126" s="3" t="s">
        <v>37</v>
      </c>
      <c r="Q126" s="3" t="s">
        <v>37</v>
      </c>
      <c r="R126" s="3" t="s">
        <v>38</v>
      </c>
      <c r="S126" s="3" t="s">
        <v>1262</v>
      </c>
      <c r="T126" s="3" t="s">
        <v>121</v>
      </c>
      <c r="U126" s="3" t="s">
        <v>37</v>
      </c>
      <c r="V126" s="3" t="s">
        <v>37</v>
      </c>
    </row>
    <row r="127" spans="1:22" x14ac:dyDescent="0.25">
      <c r="A127" s="3" t="s">
        <v>913</v>
      </c>
      <c r="B127" s="4" t="s">
        <v>397</v>
      </c>
      <c r="C127" s="3" t="s">
        <v>398</v>
      </c>
      <c r="D127" s="5" t="s">
        <v>159</v>
      </c>
      <c r="E127" s="3" t="s">
        <v>936</v>
      </c>
      <c r="F127" s="3" t="s">
        <v>1045</v>
      </c>
      <c r="G127" s="3" t="s">
        <v>78</v>
      </c>
      <c r="H127" s="3" t="s">
        <v>64</v>
      </c>
      <c r="I127" s="3" t="s">
        <v>951</v>
      </c>
      <c r="J127" s="3" t="s">
        <v>1046</v>
      </c>
      <c r="K127" s="3" t="s">
        <v>32</v>
      </c>
      <c r="L127" s="3" t="s">
        <v>33</v>
      </c>
      <c r="M127" s="3" t="s">
        <v>940</v>
      </c>
      <c r="N127" s="3" t="s">
        <v>80</v>
      </c>
      <c r="O127" s="3" t="s">
        <v>152</v>
      </c>
      <c r="P127" s="3" t="s">
        <v>37</v>
      </c>
      <c r="Q127" s="3" t="s">
        <v>37</v>
      </c>
      <c r="R127" s="3" t="s">
        <v>38</v>
      </c>
      <c r="S127" s="3" t="s">
        <v>1047</v>
      </c>
      <c r="T127" s="3" t="s">
        <v>37</v>
      </c>
      <c r="U127" s="3" t="s">
        <v>37</v>
      </c>
      <c r="V127" s="3" t="s">
        <v>37</v>
      </c>
    </row>
    <row r="128" spans="1:22" x14ac:dyDescent="0.25">
      <c r="A128" s="3" t="s">
        <v>913</v>
      </c>
      <c r="B128" s="4" t="s">
        <v>397</v>
      </c>
      <c r="C128" s="3" t="s">
        <v>398</v>
      </c>
      <c r="D128" s="5" t="s">
        <v>665</v>
      </c>
      <c r="E128" s="3" t="s">
        <v>936</v>
      </c>
      <c r="F128" s="3" t="s">
        <v>1263</v>
      </c>
      <c r="G128" s="3" t="s">
        <v>225</v>
      </c>
      <c r="H128" s="3" t="s">
        <v>64</v>
      </c>
      <c r="I128" s="3" t="s">
        <v>938</v>
      </c>
      <c r="J128" s="3" t="s">
        <v>1264</v>
      </c>
      <c r="K128" s="3" t="s">
        <v>32</v>
      </c>
      <c r="L128" s="3" t="s">
        <v>33</v>
      </c>
      <c r="M128" s="3" t="s">
        <v>940</v>
      </c>
      <c r="N128" s="3" t="s">
        <v>80</v>
      </c>
      <c r="O128" s="3" t="s">
        <v>152</v>
      </c>
      <c r="P128" s="3" t="s">
        <v>37</v>
      </c>
      <c r="Q128" s="3" t="s">
        <v>37</v>
      </c>
      <c r="R128" s="3" t="s">
        <v>38</v>
      </c>
      <c r="S128" s="3" t="s">
        <v>1265</v>
      </c>
      <c r="T128" s="3" t="s">
        <v>37</v>
      </c>
      <c r="U128" s="3" t="s">
        <v>37</v>
      </c>
      <c r="V128" s="3" t="s">
        <v>37</v>
      </c>
    </row>
    <row r="129" spans="1:22" x14ac:dyDescent="0.25">
      <c r="A129" s="3" t="s">
        <v>913</v>
      </c>
      <c r="B129" s="4" t="s">
        <v>397</v>
      </c>
      <c r="C129" s="3" t="s">
        <v>398</v>
      </c>
      <c r="D129" s="5" t="s">
        <v>1266</v>
      </c>
      <c r="E129" s="3" t="s">
        <v>936</v>
      </c>
      <c r="F129" s="3" t="s">
        <v>1003</v>
      </c>
      <c r="G129" s="3" t="s">
        <v>90</v>
      </c>
      <c r="H129" s="3" t="s">
        <v>64</v>
      </c>
      <c r="I129" s="3" t="s">
        <v>938</v>
      </c>
      <c r="J129" s="3" t="s">
        <v>1004</v>
      </c>
      <c r="K129" s="3" t="s">
        <v>32</v>
      </c>
      <c r="L129" s="3" t="s">
        <v>33</v>
      </c>
      <c r="M129" s="3" t="s">
        <v>940</v>
      </c>
      <c r="N129" s="3" t="s">
        <v>80</v>
      </c>
      <c r="O129" s="3" t="s">
        <v>152</v>
      </c>
      <c r="P129" s="3" t="s">
        <v>37</v>
      </c>
      <c r="Q129" s="3" t="s">
        <v>37</v>
      </c>
      <c r="R129" s="3" t="s">
        <v>38</v>
      </c>
      <c r="S129" s="3" t="s">
        <v>1005</v>
      </c>
      <c r="T129" s="3" t="s">
        <v>37</v>
      </c>
      <c r="U129" s="3" t="s">
        <v>37</v>
      </c>
      <c r="V129" s="3" t="s">
        <v>37</v>
      </c>
    </row>
    <row r="130" spans="1:22" x14ac:dyDescent="0.25">
      <c r="A130" s="3" t="s">
        <v>913</v>
      </c>
      <c r="B130" s="4" t="s">
        <v>397</v>
      </c>
      <c r="C130" s="3" t="s">
        <v>398</v>
      </c>
      <c r="D130" s="5" t="s">
        <v>1059</v>
      </c>
      <c r="E130" s="3" t="s">
        <v>936</v>
      </c>
      <c r="F130" s="3" t="s">
        <v>1620</v>
      </c>
      <c r="G130" s="3" t="s">
        <v>63</v>
      </c>
      <c r="H130" s="3" t="s">
        <v>64</v>
      </c>
      <c r="I130" s="3" t="s">
        <v>938</v>
      </c>
      <c r="J130" s="3" t="s">
        <v>1039</v>
      </c>
      <c r="K130" s="3" t="s">
        <v>32</v>
      </c>
      <c r="L130" s="3" t="s">
        <v>33</v>
      </c>
      <c r="M130" s="3" t="s">
        <v>940</v>
      </c>
      <c r="N130" s="3" t="s">
        <v>80</v>
      </c>
      <c r="O130" s="3" t="s">
        <v>152</v>
      </c>
      <c r="P130" s="3" t="s">
        <v>37</v>
      </c>
      <c r="Q130" s="3" t="s">
        <v>37</v>
      </c>
      <c r="R130" s="3" t="s">
        <v>38</v>
      </c>
      <c r="S130" s="3" t="s">
        <v>1040</v>
      </c>
      <c r="T130" s="3" t="s">
        <v>37</v>
      </c>
      <c r="U130" s="3" t="s">
        <v>37</v>
      </c>
      <c r="V130" s="3" t="s">
        <v>37</v>
      </c>
    </row>
    <row r="131" spans="1:22" x14ac:dyDescent="0.25">
      <c r="A131" s="3" t="s">
        <v>913</v>
      </c>
      <c r="B131" s="4" t="s">
        <v>397</v>
      </c>
      <c r="C131" s="3" t="s">
        <v>398</v>
      </c>
      <c r="D131" s="5" t="s">
        <v>170</v>
      </c>
      <c r="E131" s="3" t="s">
        <v>936</v>
      </c>
      <c r="F131" s="3" t="s">
        <v>1041</v>
      </c>
      <c r="G131" s="3" t="s">
        <v>537</v>
      </c>
      <c r="H131" s="3" t="s">
        <v>64</v>
      </c>
      <c r="I131" s="3" t="s">
        <v>938</v>
      </c>
      <c r="J131" s="3" t="s">
        <v>1042</v>
      </c>
      <c r="K131" s="3" t="s">
        <v>32</v>
      </c>
      <c r="L131" s="3" t="s">
        <v>33</v>
      </c>
      <c r="M131" s="3" t="s">
        <v>940</v>
      </c>
      <c r="N131" s="3" t="s">
        <v>80</v>
      </c>
      <c r="O131" s="3" t="s">
        <v>152</v>
      </c>
      <c r="P131" s="3" t="s">
        <v>37</v>
      </c>
      <c r="Q131" s="3" t="s">
        <v>37</v>
      </c>
      <c r="R131" s="3" t="s">
        <v>38</v>
      </c>
      <c r="S131" s="3" t="s">
        <v>1043</v>
      </c>
      <c r="T131" s="3" t="s">
        <v>37</v>
      </c>
      <c r="U131" s="3" t="s">
        <v>37</v>
      </c>
      <c r="V131" s="3" t="s">
        <v>37</v>
      </c>
    </row>
    <row r="132" spans="1:22" x14ac:dyDescent="0.25">
      <c r="A132" s="3" t="s">
        <v>913</v>
      </c>
      <c r="B132" s="4" t="s">
        <v>397</v>
      </c>
      <c r="C132" s="3" t="s">
        <v>398</v>
      </c>
      <c r="D132" s="5" t="s">
        <v>1267</v>
      </c>
      <c r="E132" s="3" t="s">
        <v>936</v>
      </c>
      <c r="F132" s="3" t="s">
        <v>1048</v>
      </c>
      <c r="G132" s="3" t="s">
        <v>734</v>
      </c>
      <c r="H132" s="3" t="s">
        <v>64</v>
      </c>
      <c r="I132" s="3" t="s">
        <v>938</v>
      </c>
      <c r="J132" s="3" t="s">
        <v>1049</v>
      </c>
      <c r="K132" s="3" t="s">
        <v>32</v>
      </c>
      <c r="L132" s="3" t="s">
        <v>33</v>
      </c>
      <c r="M132" s="3" t="s">
        <v>940</v>
      </c>
      <c r="N132" s="3" t="s">
        <v>80</v>
      </c>
      <c r="O132" s="3" t="s">
        <v>152</v>
      </c>
      <c r="P132" s="3" t="s">
        <v>37</v>
      </c>
      <c r="Q132" s="3" t="s">
        <v>37</v>
      </c>
      <c r="R132" s="3" t="s">
        <v>38</v>
      </c>
      <c r="S132" s="3" t="s">
        <v>1050</v>
      </c>
      <c r="T132" s="3" t="s">
        <v>37</v>
      </c>
      <c r="U132" s="3" t="s">
        <v>37</v>
      </c>
      <c r="V132" s="3" t="s">
        <v>37</v>
      </c>
    </row>
    <row r="133" spans="1:22" x14ac:dyDescent="0.25">
      <c r="A133" s="3" t="s">
        <v>913</v>
      </c>
      <c r="B133" s="4" t="s">
        <v>397</v>
      </c>
      <c r="C133" s="3" t="s">
        <v>398</v>
      </c>
      <c r="D133" s="5" t="s">
        <v>1063</v>
      </c>
      <c r="E133" s="3" t="s">
        <v>961</v>
      </c>
      <c r="F133" s="3" t="s">
        <v>977</v>
      </c>
      <c r="G133" s="3" t="s">
        <v>908</v>
      </c>
      <c r="H133" s="3" t="s">
        <v>78</v>
      </c>
      <c r="I133" s="3" t="s">
        <v>37</v>
      </c>
      <c r="J133" s="3" t="s">
        <v>1268</v>
      </c>
      <c r="K133" s="3" t="s">
        <v>32</v>
      </c>
      <c r="L133" s="3" t="s">
        <v>33</v>
      </c>
      <c r="M133" s="3" t="s">
        <v>66</v>
      </c>
      <c r="N133" s="3" t="s">
        <v>80</v>
      </c>
      <c r="O133" s="3" t="s">
        <v>86</v>
      </c>
      <c r="P133" s="3" t="s">
        <v>37</v>
      </c>
      <c r="Q133" s="3" t="s">
        <v>37</v>
      </c>
      <c r="R133" s="3" t="s">
        <v>38</v>
      </c>
      <c r="S133" s="3" t="s">
        <v>1269</v>
      </c>
      <c r="T133" s="3" t="s">
        <v>37</v>
      </c>
      <c r="U133" s="3" t="s">
        <v>37</v>
      </c>
      <c r="V133" s="3" t="s">
        <v>37</v>
      </c>
    </row>
    <row r="134" spans="1:22" x14ac:dyDescent="0.25">
      <c r="A134" s="3" t="s">
        <v>913</v>
      </c>
      <c r="B134" s="4" t="s">
        <v>397</v>
      </c>
      <c r="C134" s="3" t="s">
        <v>398</v>
      </c>
      <c r="D134" s="5" t="s">
        <v>1066</v>
      </c>
      <c r="E134" s="3" t="s">
        <v>1270</v>
      </c>
      <c r="F134" s="3" t="s">
        <v>1621</v>
      </c>
      <c r="G134" s="3" t="s">
        <v>95</v>
      </c>
      <c r="H134" s="3" t="s">
        <v>64</v>
      </c>
      <c r="I134" s="3" t="s">
        <v>37</v>
      </c>
      <c r="J134" s="3" t="s">
        <v>1622</v>
      </c>
      <c r="K134" s="3" t="s">
        <v>32</v>
      </c>
      <c r="L134" s="3" t="s">
        <v>33</v>
      </c>
      <c r="M134" s="3" t="s">
        <v>66</v>
      </c>
      <c r="N134" s="3" t="s">
        <v>80</v>
      </c>
      <c r="O134" s="3" t="s">
        <v>86</v>
      </c>
      <c r="P134" s="3" t="s">
        <v>37</v>
      </c>
      <c r="Q134" s="3" t="s">
        <v>37</v>
      </c>
      <c r="R134" s="3" t="s">
        <v>38</v>
      </c>
      <c r="S134" s="3" t="s">
        <v>1623</v>
      </c>
      <c r="T134" s="3"/>
      <c r="U134" s="3" t="s">
        <v>37</v>
      </c>
      <c r="V134" s="3" t="s">
        <v>37</v>
      </c>
    </row>
    <row r="135" spans="1:22" x14ac:dyDescent="0.25">
      <c r="A135" s="3" t="s">
        <v>913</v>
      </c>
      <c r="B135" s="4" t="s">
        <v>397</v>
      </c>
      <c r="C135" s="3" t="s">
        <v>398</v>
      </c>
      <c r="D135" s="5" t="s">
        <v>1069</v>
      </c>
      <c r="E135" s="3" t="s">
        <v>972</v>
      </c>
      <c r="F135" s="3" t="s">
        <v>1624</v>
      </c>
      <c r="G135" s="3" t="s">
        <v>64</v>
      </c>
      <c r="H135" s="3" t="s">
        <v>64</v>
      </c>
      <c r="I135" s="3" t="s">
        <v>37</v>
      </c>
      <c r="J135" s="3" t="s">
        <v>974</v>
      </c>
      <c r="K135" s="3" t="s">
        <v>32</v>
      </c>
      <c r="L135" s="3" t="s">
        <v>33</v>
      </c>
      <c r="M135" s="3" t="s">
        <v>66</v>
      </c>
      <c r="N135" s="3" t="s">
        <v>80</v>
      </c>
      <c r="O135" s="3" t="s">
        <v>86</v>
      </c>
      <c r="P135" s="3" t="s">
        <v>37</v>
      </c>
      <c r="Q135" s="3" t="s">
        <v>37</v>
      </c>
      <c r="R135" s="3" t="s">
        <v>38</v>
      </c>
      <c r="S135" s="3" t="s">
        <v>1625</v>
      </c>
      <c r="T135" s="3" t="s">
        <v>37</v>
      </c>
      <c r="U135" s="3" t="s">
        <v>37</v>
      </c>
      <c r="V135" s="3" t="s">
        <v>37</v>
      </c>
    </row>
    <row r="136" spans="1:22" x14ac:dyDescent="0.25">
      <c r="A136" s="3" t="s">
        <v>913</v>
      </c>
      <c r="B136" s="4" t="s">
        <v>397</v>
      </c>
      <c r="C136" s="3" t="s">
        <v>398</v>
      </c>
      <c r="D136" s="5" t="s">
        <v>1075</v>
      </c>
      <c r="E136" s="3" t="s">
        <v>490</v>
      </c>
      <c r="F136" s="3" t="s">
        <v>1274</v>
      </c>
      <c r="G136" s="3" t="s">
        <v>799</v>
      </c>
      <c r="H136" s="3" t="s">
        <v>225</v>
      </c>
      <c r="I136" s="3" t="s">
        <v>1112</v>
      </c>
      <c r="J136" s="3" t="s">
        <v>1275</v>
      </c>
      <c r="K136" s="3" t="s">
        <v>32</v>
      </c>
      <c r="L136" s="3" t="s">
        <v>33</v>
      </c>
      <c r="M136" s="3" t="s">
        <v>34</v>
      </c>
      <c r="N136" s="3" t="s">
        <v>80</v>
      </c>
      <c r="O136" s="3" t="s">
        <v>86</v>
      </c>
      <c r="P136" s="3" t="s">
        <v>53</v>
      </c>
      <c r="Q136" s="3" t="s">
        <v>37</v>
      </c>
      <c r="R136" s="3" t="s">
        <v>38</v>
      </c>
      <c r="S136" s="3" t="s">
        <v>1276</v>
      </c>
      <c r="T136" s="3" t="s">
        <v>37</v>
      </c>
      <c r="U136" s="3" t="s">
        <v>37</v>
      </c>
      <c r="V136" s="3" t="s">
        <v>37</v>
      </c>
    </row>
    <row r="137" spans="1:22" x14ac:dyDescent="0.25">
      <c r="A137" s="3" t="s">
        <v>913</v>
      </c>
      <c r="B137" s="4" t="s">
        <v>397</v>
      </c>
      <c r="C137" s="3" t="s">
        <v>398</v>
      </c>
      <c r="D137" s="5" t="s">
        <v>1080</v>
      </c>
      <c r="E137" s="3" t="s">
        <v>1081</v>
      </c>
      <c r="F137" s="3" t="s">
        <v>1277</v>
      </c>
      <c r="G137" s="3" t="s">
        <v>624</v>
      </c>
      <c r="H137" s="3" t="s">
        <v>78</v>
      </c>
      <c r="I137" s="3" t="s">
        <v>37</v>
      </c>
      <c r="J137" s="3" t="s">
        <v>1278</v>
      </c>
      <c r="K137" s="3" t="s">
        <v>32</v>
      </c>
      <c r="L137" s="3" t="s">
        <v>33</v>
      </c>
      <c r="M137" s="3" t="s">
        <v>66</v>
      </c>
      <c r="N137" s="3" t="s">
        <v>67</v>
      </c>
      <c r="O137" s="3" t="s">
        <v>36</v>
      </c>
      <c r="P137" s="3" t="s">
        <v>37</v>
      </c>
      <c r="Q137" s="3" t="s">
        <v>37</v>
      </c>
      <c r="R137" s="3" t="s">
        <v>38</v>
      </c>
      <c r="S137" s="3" t="s">
        <v>1279</v>
      </c>
      <c r="T137" s="3" t="s">
        <v>37</v>
      </c>
      <c r="U137" s="3" t="s">
        <v>37</v>
      </c>
      <c r="V137" s="3" t="s">
        <v>37</v>
      </c>
    </row>
    <row r="138" spans="1:22" x14ac:dyDescent="0.25">
      <c r="A138" s="3" t="s">
        <v>913</v>
      </c>
      <c r="B138" s="4" t="s">
        <v>397</v>
      </c>
      <c r="C138" s="3" t="s">
        <v>398</v>
      </c>
      <c r="D138" s="5" t="s">
        <v>200</v>
      </c>
      <c r="E138" s="3" t="s">
        <v>1086</v>
      </c>
      <c r="F138" s="3" t="s">
        <v>1280</v>
      </c>
      <c r="G138" s="3" t="s">
        <v>1281</v>
      </c>
      <c r="H138" s="3" t="s">
        <v>225</v>
      </c>
      <c r="I138" s="3" t="s">
        <v>407</v>
      </c>
      <c r="J138" s="3" t="s">
        <v>1282</v>
      </c>
      <c r="K138" s="3" t="s">
        <v>32</v>
      </c>
      <c r="L138" s="3" t="s">
        <v>33</v>
      </c>
      <c r="M138" s="3" t="s">
        <v>66</v>
      </c>
      <c r="N138" s="3" t="s">
        <v>51</v>
      </c>
      <c r="O138" s="3" t="s">
        <v>86</v>
      </c>
      <c r="P138" s="3" t="s">
        <v>37</v>
      </c>
      <c r="Q138" s="3" t="s">
        <v>37</v>
      </c>
      <c r="R138" s="3" t="s">
        <v>38</v>
      </c>
      <c r="S138" s="3" t="s">
        <v>1283</v>
      </c>
      <c r="T138" s="3" t="s">
        <v>37</v>
      </c>
      <c r="U138" s="3" t="s">
        <v>37</v>
      </c>
      <c r="V138" s="3" t="s">
        <v>37</v>
      </c>
    </row>
    <row r="139" spans="1:22" x14ac:dyDescent="0.25">
      <c r="A139" s="3" t="s">
        <v>913</v>
      </c>
      <c r="B139" s="4" t="s">
        <v>397</v>
      </c>
      <c r="C139" s="3" t="s">
        <v>398</v>
      </c>
      <c r="D139" s="5" t="s">
        <v>1091</v>
      </c>
      <c r="E139" s="3" t="s">
        <v>1284</v>
      </c>
      <c r="F139" s="3" t="s">
        <v>1285</v>
      </c>
      <c r="G139" s="3" t="s">
        <v>465</v>
      </c>
      <c r="H139" s="3" t="s">
        <v>78</v>
      </c>
      <c r="I139" s="3" t="s">
        <v>1286</v>
      </c>
      <c r="J139" s="3" t="s">
        <v>1287</v>
      </c>
      <c r="K139" s="3" t="s">
        <v>32</v>
      </c>
      <c r="L139" s="3" t="s">
        <v>33</v>
      </c>
      <c r="M139" s="3" t="s">
        <v>66</v>
      </c>
      <c r="N139" s="3" t="s">
        <v>370</v>
      </c>
      <c r="O139" s="3" t="s">
        <v>86</v>
      </c>
      <c r="P139" s="3" t="s">
        <v>37</v>
      </c>
      <c r="Q139" s="3" t="s">
        <v>37</v>
      </c>
      <c r="R139" s="3" t="s">
        <v>38</v>
      </c>
      <c r="S139" s="3" t="s">
        <v>1288</v>
      </c>
      <c r="T139" s="3" t="s">
        <v>37</v>
      </c>
      <c r="U139" s="3" t="s">
        <v>37</v>
      </c>
      <c r="V139" s="3" t="s">
        <v>37</v>
      </c>
    </row>
    <row r="140" spans="1:22" x14ac:dyDescent="0.25">
      <c r="A140" s="3" t="s">
        <v>913</v>
      </c>
      <c r="B140" s="4" t="s">
        <v>397</v>
      </c>
      <c r="C140" s="3" t="s">
        <v>398</v>
      </c>
      <c r="D140" s="5" t="s">
        <v>489</v>
      </c>
      <c r="E140" s="3" t="s">
        <v>936</v>
      </c>
      <c r="F140" s="3" t="s">
        <v>1626</v>
      </c>
      <c r="G140" s="3" t="s">
        <v>172</v>
      </c>
      <c r="H140" s="3" t="s">
        <v>64</v>
      </c>
      <c r="I140" s="3" t="s">
        <v>938</v>
      </c>
      <c r="J140" s="3" t="s">
        <v>1289</v>
      </c>
      <c r="K140" s="3" t="s">
        <v>32</v>
      </c>
      <c r="L140" s="3" t="s">
        <v>33</v>
      </c>
      <c r="M140" s="3" t="s">
        <v>940</v>
      </c>
      <c r="N140" s="3" t="s">
        <v>80</v>
      </c>
      <c r="O140" s="3" t="s">
        <v>152</v>
      </c>
      <c r="P140" s="3" t="s">
        <v>37</v>
      </c>
      <c r="Q140" s="3" t="s">
        <v>37</v>
      </c>
      <c r="R140" s="3" t="s">
        <v>38</v>
      </c>
      <c r="S140" s="3" t="s">
        <v>1290</v>
      </c>
      <c r="T140" s="3" t="s">
        <v>37</v>
      </c>
      <c r="U140" s="3" t="s">
        <v>37</v>
      </c>
      <c r="V140" s="3" t="s">
        <v>37</v>
      </c>
    </row>
    <row r="141" spans="1:22" x14ac:dyDescent="0.25">
      <c r="A141" s="3" t="s">
        <v>913</v>
      </c>
      <c r="B141" s="4" t="s">
        <v>397</v>
      </c>
      <c r="C141" s="3" t="s">
        <v>398</v>
      </c>
      <c r="D141" s="5" t="s">
        <v>1291</v>
      </c>
      <c r="E141" s="3" t="s">
        <v>936</v>
      </c>
      <c r="F141" s="3" t="s">
        <v>1627</v>
      </c>
      <c r="G141" s="3" t="s">
        <v>106</v>
      </c>
      <c r="H141" s="3" t="s">
        <v>64</v>
      </c>
      <c r="I141" s="3" t="s">
        <v>938</v>
      </c>
      <c r="J141" s="3" t="s">
        <v>1293</v>
      </c>
      <c r="K141" s="3" t="s">
        <v>32</v>
      </c>
      <c r="L141" s="3" t="s">
        <v>33</v>
      </c>
      <c r="M141" s="3" t="s">
        <v>940</v>
      </c>
      <c r="N141" s="3" t="s">
        <v>80</v>
      </c>
      <c r="O141" s="3" t="s">
        <v>152</v>
      </c>
      <c r="P141" s="3" t="s">
        <v>37</v>
      </c>
      <c r="Q141" s="3" t="s">
        <v>37</v>
      </c>
      <c r="R141" s="3" t="s">
        <v>38</v>
      </c>
      <c r="S141" s="3" t="s">
        <v>1294</v>
      </c>
      <c r="T141" s="3" t="s">
        <v>37</v>
      </c>
      <c r="U141" s="3" t="s">
        <v>37</v>
      </c>
      <c r="V141" s="3" t="s">
        <v>37</v>
      </c>
    </row>
    <row r="142" spans="1:22" x14ac:dyDescent="0.25">
      <c r="A142" s="3" t="s">
        <v>913</v>
      </c>
      <c r="B142" s="4" t="s">
        <v>397</v>
      </c>
      <c r="C142" s="3" t="s">
        <v>398</v>
      </c>
      <c r="D142" s="5" t="s">
        <v>1295</v>
      </c>
      <c r="E142" s="3" t="s">
        <v>936</v>
      </c>
      <c r="F142" s="3" t="s">
        <v>1628</v>
      </c>
      <c r="G142" s="3" t="s">
        <v>522</v>
      </c>
      <c r="H142" s="3" t="s">
        <v>64</v>
      </c>
      <c r="I142" s="3" t="s">
        <v>938</v>
      </c>
      <c r="J142" s="3" t="s">
        <v>1297</v>
      </c>
      <c r="K142" s="3" t="s">
        <v>32</v>
      </c>
      <c r="L142" s="3" t="s">
        <v>33</v>
      </c>
      <c r="M142" s="3" t="s">
        <v>940</v>
      </c>
      <c r="N142" s="3" t="s">
        <v>80</v>
      </c>
      <c r="O142" s="3" t="s">
        <v>152</v>
      </c>
      <c r="P142" s="3" t="s">
        <v>37</v>
      </c>
      <c r="Q142" s="3" t="s">
        <v>37</v>
      </c>
      <c r="R142" s="3" t="s">
        <v>38</v>
      </c>
      <c r="S142" s="3" t="s">
        <v>1298</v>
      </c>
      <c r="T142" s="3" t="s">
        <v>37</v>
      </c>
      <c r="U142" s="3" t="s">
        <v>37</v>
      </c>
      <c r="V142" s="3" t="s">
        <v>37</v>
      </c>
    </row>
    <row r="143" spans="1:22" x14ac:dyDescent="0.25">
      <c r="A143" s="3" t="s">
        <v>913</v>
      </c>
      <c r="B143" s="4" t="s">
        <v>397</v>
      </c>
      <c r="C143" s="3" t="s">
        <v>398</v>
      </c>
      <c r="D143" s="5" t="s">
        <v>1096</v>
      </c>
      <c r="E143" s="3" t="s">
        <v>961</v>
      </c>
      <c r="F143" s="3" t="s">
        <v>977</v>
      </c>
      <c r="G143" s="3" t="s">
        <v>908</v>
      </c>
      <c r="H143" s="3" t="s">
        <v>78</v>
      </c>
      <c r="I143" s="3" t="s">
        <v>37</v>
      </c>
      <c r="J143" s="3" t="s">
        <v>1268</v>
      </c>
      <c r="K143" s="3" t="s">
        <v>32</v>
      </c>
      <c r="L143" s="3" t="s">
        <v>33</v>
      </c>
      <c r="M143" s="3" t="s">
        <v>66</v>
      </c>
      <c r="N143" s="3" t="s">
        <v>80</v>
      </c>
      <c r="O143" s="3" t="s">
        <v>86</v>
      </c>
      <c r="P143" s="3" t="s">
        <v>37</v>
      </c>
      <c r="Q143" s="3" t="s">
        <v>37</v>
      </c>
      <c r="R143" s="3" t="s">
        <v>38</v>
      </c>
      <c r="S143" s="3" t="s">
        <v>1269</v>
      </c>
      <c r="T143" s="3" t="s">
        <v>37</v>
      </c>
      <c r="U143" s="3" t="s">
        <v>37</v>
      </c>
      <c r="V143" s="3" t="s">
        <v>37</v>
      </c>
    </row>
    <row r="144" spans="1:22" x14ac:dyDescent="0.25">
      <c r="A144" s="3" t="s">
        <v>913</v>
      </c>
      <c r="B144" s="4" t="s">
        <v>397</v>
      </c>
      <c r="C144" s="3" t="s">
        <v>398</v>
      </c>
      <c r="D144" s="5" t="s">
        <v>219</v>
      </c>
      <c r="E144" s="3" t="s">
        <v>1270</v>
      </c>
      <c r="F144" s="3" t="s">
        <v>1621</v>
      </c>
      <c r="G144" s="3" t="s">
        <v>95</v>
      </c>
      <c r="H144" s="3" t="s">
        <v>64</v>
      </c>
      <c r="I144" s="3" t="s">
        <v>37</v>
      </c>
      <c r="J144" s="3" t="s">
        <v>1622</v>
      </c>
      <c r="K144" s="3" t="s">
        <v>32</v>
      </c>
      <c r="L144" s="3" t="s">
        <v>33</v>
      </c>
      <c r="M144" s="3" t="s">
        <v>66</v>
      </c>
      <c r="N144" s="3" t="s">
        <v>80</v>
      </c>
      <c r="O144" s="3" t="s">
        <v>86</v>
      </c>
      <c r="P144" s="3" t="s">
        <v>37</v>
      </c>
      <c r="Q144" s="3" t="s">
        <v>37</v>
      </c>
      <c r="R144" s="3" t="s">
        <v>38</v>
      </c>
      <c r="S144" s="3" t="s">
        <v>1623</v>
      </c>
      <c r="T144" s="3" t="s">
        <v>37</v>
      </c>
      <c r="U144" s="3" t="s">
        <v>37</v>
      </c>
      <c r="V144" s="3" t="s">
        <v>37</v>
      </c>
    </row>
    <row r="145" spans="1:22" x14ac:dyDescent="0.25">
      <c r="A145" s="3" t="s">
        <v>913</v>
      </c>
      <c r="B145" s="4" t="s">
        <v>397</v>
      </c>
      <c r="C145" s="3" t="s">
        <v>398</v>
      </c>
      <c r="D145" s="5" t="s">
        <v>378</v>
      </c>
      <c r="E145" s="3" t="s">
        <v>1051</v>
      </c>
      <c r="F145" s="3" t="s">
        <v>1271</v>
      </c>
      <c r="G145" s="3" t="s">
        <v>166</v>
      </c>
      <c r="H145" s="3" t="s">
        <v>29</v>
      </c>
      <c r="I145" s="3" t="s">
        <v>37</v>
      </c>
      <c r="J145" s="3" t="s">
        <v>1272</v>
      </c>
      <c r="K145" s="3" t="s">
        <v>32</v>
      </c>
      <c r="L145" s="3" t="s">
        <v>33</v>
      </c>
      <c r="M145" s="3" t="s">
        <v>66</v>
      </c>
      <c r="N145" s="3" t="s">
        <v>67</v>
      </c>
      <c r="O145" s="3" t="s">
        <v>86</v>
      </c>
      <c r="P145" s="3" t="s">
        <v>37</v>
      </c>
      <c r="Q145" s="3" t="s">
        <v>37</v>
      </c>
      <c r="R145" s="3" t="s">
        <v>38</v>
      </c>
      <c r="S145" s="3" t="s">
        <v>1273</v>
      </c>
      <c r="T145" s="3" t="s">
        <v>37</v>
      </c>
      <c r="U145" s="3" t="s">
        <v>37</v>
      </c>
      <c r="V145" s="3" t="s">
        <v>37</v>
      </c>
    </row>
    <row r="146" spans="1:22" x14ac:dyDescent="0.25">
      <c r="A146" s="3" t="s">
        <v>913</v>
      </c>
      <c r="B146" s="4" t="s">
        <v>397</v>
      </c>
      <c r="C146" s="3" t="s">
        <v>398</v>
      </c>
      <c r="D146" s="5" t="s">
        <v>228</v>
      </c>
      <c r="E146" s="3" t="s">
        <v>490</v>
      </c>
      <c r="F146" s="3" t="s">
        <v>1274</v>
      </c>
      <c r="G146" s="3" t="s">
        <v>799</v>
      </c>
      <c r="H146" s="3" t="s">
        <v>225</v>
      </c>
      <c r="I146" s="3" t="s">
        <v>1112</v>
      </c>
      <c r="J146" s="3" t="s">
        <v>1275</v>
      </c>
      <c r="K146" s="3" t="s">
        <v>32</v>
      </c>
      <c r="L146" s="3" t="s">
        <v>33</v>
      </c>
      <c r="M146" s="3" t="s">
        <v>34</v>
      </c>
      <c r="N146" s="3" t="s">
        <v>80</v>
      </c>
      <c r="O146" s="3" t="s">
        <v>86</v>
      </c>
      <c r="P146" s="3" t="s">
        <v>53</v>
      </c>
      <c r="Q146" s="3" t="s">
        <v>37</v>
      </c>
      <c r="R146" s="3" t="s">
        <v>38</v>
      </c>
      <c r="S146" s="3" t="s">
        <v>1276</v>
      </c>
      <c r="T146" s="3" t="s">
        <v>37</v>
      </c>
      <c r="U146" s="3" t="s">
        <v>37</v>
      </c>
      <c r="V146" s="3" t="s">
        <v>37</v>
      </c>
    </row>
    <row r="147" spans="1:22" x14ac:dyDescent="0.25">
      <c r="A147" s="3" t="s">
        <v>913</v>
      </c>
      <c r="B147" s="4" t="s">
        <v>397</v>
      </c>
      <c r="C147" s="3" t="s">
        <v>398</v>
      </c>
      <c r="D147" s="5" t="s">
        <v>1103</v>
      </c>
      <c r="E147" s="3" t="s">
        <v>1081</v>
      </c>
      <c r="F147" s="3" t="s">
        <v>1277</v>
      </c>
      <c r="G147" s="3" t="s">
        <v>624</v>
      </c>
      <c r="H147" s="3" t="s">
        <v>78</v>
      </c>
      <c r="I147" s="3" t="s">
        <v>37</v>
      </c>
      <c r="J147" s="3" t="s">
        <v>1278</v>
      </c>
      <c r="K147" s="3" t="s">
        <v>32</v>
      </c>
      <c r="L147" s="3" t="s">
        <v>33</v>
      </c>
      <c r="M147" s="3" t="s">
        <v>66</v>
      </c>
      <c r="N147" s="3" t="s">
        <v>67</v>
      </c>
      <c r="O147" s="3" t="s">
        <v>36</v>
      </c>
      <c r="P147" s="3" t="s">
        <v>37</v>
      </c>
      <c r="Q147" s="3" t="s">
        <v>37</v>
      </c>
      <c r="R147" s="3" t="s">
        <v>38</v>
      </c>
      <c r="S147" s="3" t="s">
        <v>1279</v>
      </c>
      <c r="T147" s="3" t="s">
        <v>37</v>
      </c>
      <c r="U147" s="3" t="s">
        <v>37</v>
      </c>
      <c r="V147" s="3" t="s">
        <v>37</v>
      </c>
    </row>
    <row r="148" spans="1:22" x14ac:dyDescent="0.25">
      <c r="A148" s="3" t="s">
        <v>913</v>
      </c>
      <c r="B148" s="4" t="s">
        <v>397</v>
      </c>
      <c r="C148" s="3" t="s">
        <v>398</v>
      </c>
      <c r="D148" s="5" t="s">
        <v>238</v>
      </c>
      <c r="E148" s="3" t="s">
        <v>1086</v>
      </c>
      <c r="F148" s="3" t="s">
        <v>1280</v>
      </c>
      <c r="G148" s="3" t="s">
        <v>1281</v>
      </c>
      <c r="H148" s="3" t="s">
        <v>225</v>
      </c>
      <c r="I148" s="3" t="s">
        <v>407</v>
      </c>
      <c r="J148" s="3" t="s">
        <v>1282</v>
      </c>
      <c r="K148" s="3" t="s">
        <v>32</v>
      </c>
      <c r="L148" s="3" t="s">
        <v>33</v>
      </c>
      <c r="M148" s="3" t="s">
        <v>66</v>
      </c>
      <c r="N148" s="3" t="s">
        <v>51</v>
      </c>
      <c r="O148" s="3" t="s">
        <v>86</v>
      </c>
      <c r="P148" s="3" t="s">
        <v>37</v>
      </c>
      <c r="Q148" s="3" t="s">
        <v>37</v>
      </c>
      <c r="R148" s="3" t="s">
        <v>38</v>
      </c>
      <c r="S148" s="3" t="s">
        <v>1283</v>
      </c>
      <c r="T148" s="3" t="s">
        <v>37</v>
      </c>
      <c r="U148" s="3" t="s">
        <v>37</v>
      </c>
      <c r="V148" s="3" t="s">
        <v>37</v>
      </c>
    </row>
    <row r="149" spans="1:22" x14ac:dyDescent="0.25">
      <c r="A149" s="3" t="s">
        <v>913</v>
      </c>
      <c r="B149" s="4" t="s">
        <v>397</v>
      </c>
      <c r="C149" s="3" t="s">
        <v>398</v>
      </c>
      <c r="D149" s="5" t="s">
        <v>1110</v>
      </c>
      <c r="E149" s="3" t="s">
        <v>925</v>
      </c>
      <c r="F149" s="3" t="s">
        <v>1299</v>
      </c>
      <c r="G149" s="3" t="s">
        <v>286</v>
      </c>
      <c r="H149" s="3" t="s">
        <v>64</v>
      </c>
      <c r="I149" s="3" t="s">
        <v>927</v>
      </c>
      <c r="J149" s="3" t="s">
        <v>1300</v>
      </c>
      <c r="K149" s="3" t="s">
        <v>32</v>
      </c>
      <c r="L149" s="3" t="s">
        <v>33</v>
      </c>
      <c r="M149" s="3" t="s">
        <v>34</v>
      </c>
      <c r="N149" s="3" t="s">
        <v>67</v>
      </c>
      <c r="O149" s="3" t="s">
        <v>52</v>
      </c>
      <c r="P149" s="3" t="s">
        <v>37</v>
      </c>
      <c r="Q149" s="3" t="s">
        <v>37</v>
      </c>
      <c r="R149" s="3" t="s">
        <v>38</v>
      </c>
      <c r="S149" s="3" t="s">
        <v>1301</v>
      </c>
      <c r="T149" s="3" t="s">
        <v>37</v>
      </c>
      <c r="U149" s="3" t="s">
        <v>37</v>
      </c>
      <c r="V149" s="3" t="s">
        <v>37</v>
      </c>
    </row>
    <row r="150" spans="1:22" x14ac:dyDescent="0.25">
      <c r="A150" s="3"/>
      <c r="B150" s="4"/>
      <c r="C150" s="3"/>
      <c r="D150" s="5"/>
      <c r="E150" s="6" t="s">
        <v>1115</v>
      </c>
      <c r="F150" s="3"/>
      <c r="G150" s="3"/>
      <c r="H150" s="3"/>
      <c r="I150" s="3"/>
      <c r="J150" s="3"/>
      <c r="K150" s="3"/>
      <c r="L150" s="3"/>
      <c r="M150" s="3"/>
      <c r="N150" s="3"/>
      <c r="O150" s="3"/>
      <c r="P150" s="3"/>
      <c r="Q150" s="3"/>
      <c r="R150" s="3"/>
      <c r="S150" s="3"/>
      <c r="T150" s="3"/>
      <c r="U150" s="3" t="s">
        <v>37</v>
      </c>
      <c r="V150" s="3" t="s">
        <v>37</v>
      </c>
    </row>
    <row r="151" spans="1:22" x14ac:dyDescent="0.25">
      <c r="A151" s="3"/>
      <c r="B151" s="4"/>
      <c r="C151" s="3"/>
      <c r="D151" s="5"/>
      <c r="E151" s="6"/>
      <c r="F151" s="3"/>
      <c r="G151" s="3"/>
      <c r="H151" s="3"/>
      <c r="I151" s="3"/>
      <c r="J151" s="3"/>
      <c r="K151" s="3"/>
      <c r="L151" s="3"/>
      <c r="M151" s="3"/>
      <c r="N151" s="3"/>
      <c r="O151" s="3"/>
      <c r="P151" s="3"/>
      <c r="Q151" s="3"/>
      <c r="R151" s="3"/>
      <c r="S151" s="3"/>
      <c r="T151" s="3"/>
      <c r="U151" s="3" t="s">
        <v>37</v>
      </c>
      <c r="V151" s="3" t="s">
        <v>37</v>
      </c>
    </row>
    <row r="152" spans="1:22" x14ac:dyDescent="0.25">
      <c r="A152" s="3" t="s">
        <v>913</v>
      </c>
      <c r="B152" s="4" t="s">
        <v>519</v>
      </c>
      <c r="C152" s="3" t="s">
        <v>520</v>
      </c>
      <c r="D152" s="5" t="s">
        <v>25</v>
      </c>
      <c r="E152" s="3" t="s">
        <v>914</v>
      </c>
      <c r="F152" s="3" t="s">
        <v>1302</v>
      </c>
      <c r="G152" s="3" t="s">
        <v>333</v>
      </c>
      <c r="H152" s="3" t="s">
        <v>29</v>
      </c>
      <c r="I152" s="3" t="s">
        <v>1303</v>
      </c>
      <c r="J152" s="3" t="s">
        <v>1304</v>
      </c>
      <c r="K152" s="3" t="s">
        <v>32</v>
      </c>
      <c r="L152" s="3" t="s">
        <v>33</v>
      </c>
      <c r="M152" s="3" t="s">
        <v>66</v>
      </c>
      <c r="N152" s="3" t="s">
        <v>918</v>
      </c>
      <c r="O152" s="3" t="s">
        <v>86</v>
      </c>
      <c r="P152" s="3" t="s">
        <v>37</v>
      </c>
      <c r="Q152" s="3" t="s">
        <v>37</v>
      </c>
      <c r="R152" s="3" t="s">
        <v>38</v>
      </c>
      <c r="S152" s="3" t="s">
        <v>1305</v>
      </c>
      <c r="T152" s="3" t="s">
        <v>37</v>
      </c>
      <c r="U152" s="3"/>
      <c r="V152" s="3"/>
    </row>
    <row r="153" spans="1:22" x14ac:dyDescent="0.25">
      <c r="A153" s="3" t="s">
        <v>913</v>
      </c>
      <c r="B153" s="4" t="s">
        <v>519</v>
      </c>
      <c r="C153" s="3" t="s">
        <v>520</v>
      </c>
      <c r="D153" s="5" t="s">
        <v>920</v>
      </c>
      <c r="E153" s="3" t="s">
        <v>914</v>
      </c>
      <c r="F153" s="3" t="s">
        <v>1306</v>
      </c>
      <c r="G153" s="3" t="s">
        <v>211</v>
      </c>
      <c r="H153" s="3" t="s">
        <v>29</v>
      </c>
      <c r="I153" s="3" t="s">
        <v>1117</v>
      </c>
      <c r="J153" s="3" t="s">
        <v>1307</v>
      </c>
      <c r="K153" s="3" t="s">
        <v>32</v>
      </c>
      <c r="L153" s="3" t="s">
        <v>33</v>
      </c>
      <c r="M153" s="3" t="s">
        <v>66</v>
      </c>
      <c r="N153" s="3" t="s">
        <v>918</v>
      </c>
      <c r="O153" s="3" t="s">
        <v>86</v>
      </c>
      <c r="P153" s="3" t="s">
        <v>37</v>
      </c>
      <c r="Q153" s="3" t="s">
        <v>37</v>
      </c>
      <c r="R153" s="3" t="s">
        <v>38</v>
      </c>
      <c r="S153" s="3" t="s">
        <v>1308</v>
      </c>
      <c r="T153" s="3" t="s">
        <v>37</v>
      </c>
      <c r="U153" s="3"/>
      <c r="V153" s="3"/>
    </row>
    <row r="154" spans="1:22" x14ac:dyDescent="0.25">
      <c r="A154" s="3" t="s">
        <v>913</v>
      </c>
      <c r="B154" s="4" t="s">
        <v>519</v>
      </c>
      <c r="C154" s="3" t="s">
        <v>520</v>
      </c>
      <c r="D154" s="5" t="s">
        <v>45</v>
      </c>
      <c r="E154" s="3" t="s">
        <v>936</v>
      </c>
      <c r="F154" s="3" t="s">
        <v>946</v>
      </c>
      <c r="G154" s="3" t="s">
        <v>253</v>
      </c>
      <c r="H154" s="3" t="s">
        <v>64</v>
      </c>
      <c r="I154" s="3" t="s">
        <v>938</v>
      </c>
      <c r="J154" s="3" t="s">
        <v>947</v>
      </c>
      <c r="K154" s="3" t="s">
        <v>32</v>
      </c>
      <c r="L154" s="3" t="s">
        <v>33</v>
      </c>
      <c r="M154" s="3" t="s">
        <v>940</v>
      </c>
      <c r="N154" s="3" t="s">
        <v>80</v>
      </c>
      <c r="O154" s="3" t="s">
        <v>152</v>
      </c>
      <c r="P154" s="3" t="s">
        <v>37</v>
      </c>
      <c r="Q154" s="3" t="s">
        <v>37</v>
      </c>
      <c r="R154" s="3" t="s">
        <v>38</v>
      </c>
      <c r="S154" s="3" t="s">
        <v>948</v>
      </c>
      <c r="T154" s="3" t="s">
        <v>37</v>
      </c>
      <c r="U154" s="3" t="s">
        <v>37</v>
      </c>
      <c r="V154" s="3" t="s">
        <v>37</v>
      </c>
    </row>
    <row r="155" spans="1:22" x14ac:dyDescent="0.25">
      <c r="A155" s="3" t="s">
        <v>913</v>
      </c>
      <c r="B155" s="4" t="s">
        <v>519</v>
      </c>
      <c r="C155" s="3" t="s">
        <v>520</v>
      </c>
      <c r="D155" s="5" t="s">
        <v>1212</v>
      </c>
      <c r="E155" s="3" t="s">
        <v>936</v>
      </c>
      <c r="F155" s="3" t="s">
        <v>950</v>
      </c>
      <c r="G155" s="3" t="s">
        <v>128</v>
      </c>
      <c r="H155" s="3" t="s">
        <v>64</v>
      </c>
      <c r="I155" s="3" t="s">
        <v>951</v>
      </c>
      <c r="J155" s="3" t="s">
        <v>952</v>
      </c>
      <c r="K155" s="3" t="s">
        <v>32</v>
      </c>
      <c r="L155" s="3" t="s">
        <v>33</v>
      </c>
      <c r="M155" s="3" t="s">
        <v>940</v>
      </c>
      <c r="N155" s="3" t="s">
        <v>80</v>
      </c>
      <c r="O155" s="3" t="s">
        <v>152</v>
      </c>
      <c r="P155" s="3" t="s">
        <v>37</v>
      </c>
      <c r="Q155" s="3" t="s">
        <v>37</v>
      </c>
      <c r="R155" s="3" t="s">
        <v>38</v>
      </c>
      <c r="S155" s="3" t="s">
        <v>953</v>
      </c>
      <c r="T155" s="3" t="s">
        <v>37</v>
      </c>
      <c r="U155" s="3" t="s">
        <v>37</v>
      </c>
      <c r="V155" s="3" t="s">
        <v>37</v>
      </c>
    </row>
    <row r="156" spans="1:22" x14ac:dyDescent="0.25">
      <c r="A156" s="3" t="s">
        <v>913</v>
      </c>
      <c r="B156" s="4" t="s">
        <v>519</v>
      </c>
      <c r="C156" s="3" t="s">
        <v>520</v>
      </c>
      <c r="D156" s="5" t="s">
        <v>1213</v>
      </c>
      <c r="E156" s="3" t="s">
        <v>936</v>
      </c>
      <c r="F156" s="3" t="s">
        <v>955</v>
      </c>
      <c r="G156" s="3" t="s">
        <v>526</v>
      </c>
      <c r="H156" s="3" t="s">
        <v>64</v>
      </c>
      <c r="I156" s="3" t="s">
        <v>938</v>
      </c>
      <c r="J156" s="3" t="s">
        <v>956</v>
      </c>
      <c r="K156" s="3" t="s">
        <v>32</v>
      </c>
      <c r="L156" s="3" t="s">
        <v>33</v>
      </c>
      <c r="M156" s="3" t="s">
        <v>940</v>
      </c>
      <c r="N156" s="3" t="s">
        <v>80</v>
      </c>
      <c r="O156" s="3" t="s">
        <v>152</v>
      </c>
      <c r="P156" s="3" t="s">
        <v>37</v>
      </c>
      <c r="Q156" s="3" t="s">
        <v>37</v>
      </c>
      <c r="R156" s="3" t="s">
        <v>38</v>
      </c>
      <c r="S156" s="3" t="s">
        <v>957</v>
      </c>
      <c r="T156" s="3" t="s">
        <v>37</v>
      </c>
      <c r="U156" s="3" t="s">
        <v>37</v>
      </c>
      <c r="V156" s="3" t="s">
        <v>37</v>
      </c>
    </row>
    <row r="157" spans="1:22" x14ac:dyDescent="0.25">
      <c r="A157" s="3" t="s">
        <v>913</v>
      </c>
      <c r="B157" s="4" t="s">
        <v>519</v>
      </c>
      <c r="C157" s="3" t="s">
        <v>520</v>
      </c>
      <c r="D157" s="5" t="s">
        <v>930</v>
      </c>
      <c r="E157" s="3" t="s">
        <v>936</v>
      </c>
      <c r="F157" s="3" t="s">
        <v>1292</v>
      </c>
      <c r="G157" s="3" t="s">
        <v>106</v>
      </c>
      <c r="H157" s="3" t="s">
        <v>64</v>
      </c>
      <c r="I157" s="3" t="s">
        <v>951</v>
      </c>
      <c r="J157" s="3" t="s">
        <v>1293</v>
      </c>
      <c r="K157" s="3" t="s">
        <v>32</v>
      </c>
      <c r="L157" s="3" t="s">
        <v>33</v>
      </c>
      <c r="M157" s="3" t="s">
        <v>940</v>
      </c>
      <c r="N157" s="3" t="s">
        <v>80</v>
      </c>
      <c r="O157" s="3" t="s">
        <v>152</v>
      </c>
      <c r="P157" s="3" t="s">
        <v>37</v>
      </c>
      <c r="Q157" s="3" t="s">
        <v>37</v>
      </c>
      <c r="R157" s="3" t="s">
        <v>38</v>
      </c>
      <c r="S157" s="3" t="s">
        <v>1294</v>
      </c>
      <c r="T157" s="3" t="s">
        <v>37</v>
      </c>
      <c r="U157" s="3" t="s">
        <v>37</v>
      </c>
      <c r="V157" s="3" t="s">
        <v>37</v>
      </c>
    </row>
    <row r="158" spans="1:22" x14ac:dyDescent="0.25">
      <c r="A158" s="3" t="s">
        <v>913</v>
      </c>
      <c r="B158" s="4" t="s">
        <v>519</v>
      </c>
      <c r="C158" s="3" t="s">
        <v>520</v>
      </c>
      <c r="D158" s="5" t="s">
        <v>1217</v>
      </c>
      <c r="E158" s="3" t="s">
        <v>936</v>
      </c>
      <c r="F158" s="3" t="s">
        <v>1296</v>
      </c>
      <c r="G158" s="3" t="s">
        <v>522</v>
      </c>
      <c r="H158" s="3" t="s">
        <v>64</v>
      </c>
      <c r="I158" s="3" t="s">
        <v>951</v>
      </c>
      <c r="J158" s="3" t="s">
        <v>1297</v>
      </c>
      <c r="K158" s="3" t="s">
        <v>32</v>
      </c>
      <c r="L158" s="3" t="s">
        <v>33</v>
      </c>
      <c r="M158" s="3" t="s">
        <v>940</v>
      </c>
      <c r="N158" s="3" t="s">
        <v>80</v>
      </c>
      <c r="O158" s="3" t="s">
        <v>152</v>
      </c>
      <c r="P158" s="3" t="s">
        <v>37</v>
      </c>
      <c r="Q158" s="3" t="s">
        <v>37</v>
      </c>
      <c r="R158" s="3" t="s">
        <v>38</v>
      </c>
      <c r="S158" s="3" t="s">
        <v>1298</v>
      </c>
      <c r="T158" s="3" t="s">
        <v>37</v>
      </c>
      <c r="U158" s="3" t="s">
        <v>37</v>
      </c>
      <c r="V158" s="3" t="s">
        <v>37</v>
      </c>
    </row>
    <row r="159" spans="1:22" x14ac:dyDescent="0.25">
      <c r="A159" s="3" t="s">
        <v>913</v>
      </c>
      <c r="B159" s="4" t="s">
        <v>519</v>
      </c>
      <c r="C159" s="3" t="s">
        <v>520</v>
      </c>
      <c r="D159" s="5" t="s">
        <v>1221</v>
      </c>
      <c r="E159" s="3" t="s">
        <v>936</v>
      </c>
      <c r="F159" s="3" t="s">
        <v>1309</v>
      </c>
      <c r="G159" s="3" t="s">
        <v>48</v>
      </c>
      <c r="H159" s="3" t="s">
        <v>64</v>
      </c>
      <c r="I159" s="3" t="s">
        <v>938</v>
      </c>
      <c r="J159" s="3" t="s">
        <v>1310</v>
      </c>
      <c r="K159" s="3" t="s">
        <v>32</v>
      </c>
      <c r="L159" s="3" t="s">
        <v>33</v>
      </c>
      <c r="M159" s="3" t="s">
        <v>940</v>
      </c>
      <c r="N159" s="3" t="s">
        <v>80</v>
      </c>
      <c r="O159" s="3" t="s">
        <v>152</v>
      </c>
      <c r="P159" s="3" t="s">
        <v>37</v>
      </c>
      <c r="Q159" s="3" t="s">
        <v>37</v>
      </c>
      <c r="R159" s="3" t="s">
        <v>38</v>
      </c>
      <c r="S159" s="3" t="s">
        <v>1311</v>
      </c>
      <c r="T159" s="3" t="s">
        <v>37</v>
      </c>
      <c r="U159" s="3" t="s">
        <v>37</v>
      </c>
      <c r="V159" s="3" t="s">
        <v>37</v>
      </c>
    </row>
    <row r="160" spans="1:22" x14ac:dyDescent="0.25">
      <c r="A160" s="3" t="s">
        <v>913</v>
      </c>
      <c r="B160" s="4" t="s">
        <v>519</v>
      </c>
      <c r="C160" s="3" t="s">
        <v>520</v>
      </c>
      <c r="D160" s="5" t="s">
        <v>935</v>
      </c>
      <c r="E160" s="3" t="s">
        <v>490</v>
      </c>
      <c r="F160" s="3" t="s">
        <v>1312</v>
      </c>
      <c r="G160" s="3" t="s">
        <v>95</v>
      </c>
      <c r="H160" s="3" t="s">
        <v>64</v>
      </c>
      <c r="I160" s="3" t="s">
        <v>498</v>
      </c>
      <c r="J160" s="3" t="s">
        <v>1313</v>
      </c>
      <c r="K160" s="3" t="s">
        <v>32</v>
      </c>
      <c r="L160" s="3" t="s">
        <v>494</v>
      </c>
      <c r="M160" s="3" t="s">
        <v>34</v>
      </c>
      <c r="N160" s="3" t="s">
        <v>35</v>
      </c>
      <c r="O160" s="3" t="s">
        <v>86</v>
      </c>
      <c r="P160" s="3" t="s">
        <v>37</v>
      </c>
      <c r="Q160" s="3" t="s">
        <v>37</v>
      </c>
      <c r="R160" s="3" t="s">
        <v>38</v>
      </c>
      <c r="S160" s="3" t="s">
        <v>1314</v>
      </c>
      <c r="T160" s="3" t="s">
        <v>37</v>
      </c>
      <c r="U160" s="3" t="s">
        <v>37</v>
      </c>
      <c r="V160" s="3" t="s">
        <v>37</v>
      </c>
    </row>
    <row r="161" spans="1:22" x14ac:dyDescent="0.25">
      <c r="A161" s="3" t="s">
        <v>913</v>
      </c>
      <c r="B161" s="4" t="s">
        <v>519</v>
      </c>
      <c r="C161" s="3" t="s">
        <v>520</v>
      </c>
      <c r="D161" s="5" t="s">
        <v>949</v>
      </c>
      <c r="E161" s="3" t="s">
        <v>490</v>
      </c>
      <c r="F161" s="3" t="s">
        <v>1315</v>
      </c>
      <c r="G161" s="3" t="s">
        <v>211</v>
      </c>
      <c r="H161" s="3" t="s">
        <v>78</v>
      </c>
      <c r="I161" s="3" t="s">
        <v>1112</v>
      </c>
      <c r="J161" s="3" t="s">
        <v>1316</v>
      </c>
      <c r="K161" s="3" t="s">
        <v>32</v>
      </c>
      <c r="L161" s="3" t="s">
        <v>33</v>
      </c>
      <c r="M161" s="3" t="s">
        <v>34</v>
      </c>
      <c r="N161" s="3" t="s">
        <v>80</v>
      </c>
      <c r="O161" s="3" t="s">
        <v>86</v>
      </c>
      <c r="P161" s="3" t="s">
        <v>37</v>
      </c>
      <c r="Q161" s="3" t="s">
        <v>37</v>
      </c>
      <c r="R161" s="3" t="s">
        <v>38</v>
      </c>
      <c r="S161" s="3" t="s">
        <v>1317</v>
      </c>
      <c r="T161" s="3" t="s">
        <v>37</v>
      </c>
      <c r="U161" s="3" t="s">
        <v>37</v>
      </c>
      <c r="V161" s="3" t="s">
        <v>37</v>
      </c>
    </row>
    <row r="162" spans="1:22" x14ac:dyDescent="0.25">
      <c r="A162" s="3" t="s">
        <v>913</v>
      </c>
      <c r="B162" s="4" t="s">
        <v>519</v>
      </c>
      <c r="C162" s="3" t="s">
        <v>520</v>
      </c>
      <c r="D162" s="5" t="s">
        <v>636</v>
      </c>
      <c r="E162" s="3" t="s">
        <v>1318</v>
      </c>
      <c r="F162" s="3" t="s">
        <v>37</v>
      </c>
      <c r="G162" s="3">
        <v>1</v>
      </c>
      <c r="H162" s="3">
        <v>0</v>
      </c>
      <c r="I162" s="3" t="s">
        <v>1319</v>
      </c>
      <c r="J162" s="3" t="s">
        <v>1320</v>
      </c>
      <c r="K162" s="3" t="s">
        <v>409</v>
      </c>
      <c r="L162" s="3" t="s">
        <v>33</v>
      </c>
      <c r="M162" s="3" t="s">
        <v>66</v>
      </c>
      <c r="N162" s="3" t="s">
        <v>1321</v>
      </c>
      <c r="O162" s="3" t="s">
        <v>696</v>
      </c>
      <c r="P162" s="3" t="s">
        <v>37</v>
      </c>
      <c r="Q162" s="3" t="s">
        <v>37</v>
      </c>
      <c r="R162" s="3" t="s">
        <v>38</v>
      </c>
      <c r="S162" s="3" t="s">
        <v>1322</v>
      </c>
      <c r="T162" s="3" t="s">
        <v>37</v>
      </c>
      <c r="U162" s="3" t="s">
        <v>37</v>
      </c>
      <c r="V162" s="3" t="s">
        <v>37</v>
      </c>
    </row>
    <row r="163" spans="1:22" x14ac:dyDescent="0.25">
      <c r="A163" s="3" t="s">
        <v>913</v>
      </c>
      <c r="B163" s="4" t="s">
        <v>519</v>
      </c>
      <c r="C163" s="3" t="s">
        <v>520</v>
      </c>
      <c r="D163" s="5" t="s">
        <v>971</v>
      </c>
      <c r="E163" s="3" t="s">
        <v>931</v>
      </c>
      <c r="F163" s="3" t="s">
        <v>1323</v>
      </c>
      <c r="G163" s="3" t="s">
        <v>29</v>
      </c>
      <c r="H163" s="3" t="s">
        <v>64</v>
      </c>
      <c r="I163" s="3" t="s">
        <v>37</v>
      </c>
      <c r="J163" s="3" t="s">
        <v>1324</v>
      </c>
      <c r="K163" s="3" t="s">
        <v>32</v>
      </c>
      <c r="L163" s="3" t="s">
        <v>33</v>
      </c>
      <c r="M163" s="3" t="s">
        <v>66</v>
      </c>
      <c r="N163" s="3" t="s">
        <v>67</v>
      </c>
      <c r="O163" s="3" t="s">
        <v>52</v>
      </c>
      <c r="P163" s="3" t="s">
        <v>37</v>
      </c>
      <c r="Q163" s="3" t="s">
        <v>37</v>
      </c>
      <c r="R163" s="3" t="s">
        <v>38</v>
      </c>
      <c r="S163" s="3" t="s">
        <v>1325</v>
      </c>
      <c r="T163" s="3" t="s">
        <v>37</v>
      </c>
      <c r="U163" s="3" t="s">
        <v>37</v>
      </c>
      <c r="V163" s="3" t="s">
        <v>37</v>
      </c>
    </row>
    <row r="164" spans="1:22" x14ac:dyDescent="0.25">
      <c r="A164" s="3" t="s">
        <v>913</v>
      </c>
      <c r="B164" s="4" t="s">
        <v>519</v>
      </c>
      <c r="C164" s="3" t="s">
        <v>520</v>
      </c>
      <c r="D164" s="5" t="s">
        <v>976</v>
      </c>
      <c r="E164" s="3" t="s">
        <v>931</v>
      </c>
      <c r="F164" s="3" t="s">
        <v>1326</v>
      </c>
      <c r="G164" s="3" t="s">
        <v>177</v>
      </c>
      <c r="H164" s="3" t="s">
        <v>64</v>
      </c>
      <c r="I164" s="3" t="s">
        <v>37</v>
      </c>
      <c r="J164" s="3" t="s">
        <v>1327</v>
      </c>
      <c r="K164" s="3" t="s">
        <v>32</v>
      </c>
      <c r="L164" s="3" t="s">
        <v>33</v>
      </c>
      <c r="M164" s="3" t="s">
        <v>66</v>
      </c>
      <c r="N164" s="3" t="s">
        <v>67</v>
      </c>
      <c r="O164" s="3" t="s">
        <v>52</v>
      </c>
      <c r="P164" s="3" t="s">
        <v>37</v>
      </c>
      <c r="Q164" s="3" t="s">
        <v>37</v>
      </c>
      <c r="R164" s="3" t="s">
        <v>38</v>
      </c>
      <c r="S164" s="3" t="s">
        <v>1328</v>
      </c>
      <c r="T164" s="3" t="s">
        <v>37</v>
      </c>
      <c r="U164" s="3" t="s">
        <v>37</v>
      </c>
      <c r="V164" s="3" t="s">
        <v>37</v>
      </c>
    </row>
    <row r="165" spans="1:22" x14ac:dyDescent="0.25">
      <c r="A165" s="3" t="s">
        <v>913</v>
      </c>
      <c r="B165" s="4" t="s">
        <v>519</v>
      </c>
      <c r="C165" s="3" t="s">
        <v>520</v>
      </c>
      <c r="D165" s="5" t="s">
        <v>980</v>
      </c>
      <c r="E165" s="3" t="s">
        <v>931</v>
      </c>
      <c r="F165" s="3" t="s">
        <v>1329</v>
      </c>
      <c r="G165" s="3" t="s">
        <v>106</v>
      </c>
      <c r="H165" s="3" t="s">
        <v>64</v>
      </c>
      <c r="I165" s="3" t="s">
        <v>37</v>
      </c>
      <c r="J165" s="3" t="s">
        <v>1330</v>
      </c>
      <c r="K165" s="3" t="s">
        <v>32</v>
      </c>
      <c r="L165" s="3" t="s">
        <v>33</v>
      </c>
      <c r="M165" s="3" t="s">
        <v>66</v>
      </c>
      <c r="N165" s="3" t="s">
        <v>67</v>
      </c>
      <c r="O165" s="3" t="s">
        <v>52</v>
      </c>
      <c r="P165" s="3" t="s">
        <v>37</v>
      </c>
      <c r="Q165" s="3" t="s">
        <v>37</v>
      </c>
      <c r="R165" s="3" t="s">
        <v>38</v>
      </c>
      <c r="S165" s="3" t="s">
        <v>1331</v>
      </c>
      <c r="T165" s="3" t="s">
        <v>37</v>
      </c>
      <c r="U165" s="3" t="s">
        <v>37</v>
      </c>
      <c r="V165" s="3" t="s">
        <v>37</v>
      </c>
    </row>
    <row r="166" spans="1:22" x14ac:dyDescent="0.25">
      <c r="A166" s="3" t="s">
        <v>913</v>
      </c>
      <c r="B166" s="4" t="s">
        <v>519</v>
      </c>
      <c r="C166" s="3" t="s">
        <v>520</v>
      </c>
      <c r="D166" s="5" t="s">
        <v>986</v>
      </c>
      <c r="E166" s="3" t="s">
        <v>931</v>
      </c>
      <c r="F166" s="3" t="s">
        <v>1332</v>
      </c>
      <c r="G166" s="3" t="s">
        <v>340</v>
      </c>
      <c r="H166" s="3" t="s">
        <v>64</v>
      </c>
      <c r="I166" s="3" t="s">
        <v>37</v>
      </c>
      <c r="J166" s="3" t="s">
        <v>1333</v>
      </c>
      <c r="K166" s="3" t="s">
        <v>32</v>
      </c>
      <c r="L166" s="3" t="s">
        <v>33</v>
      </c>
      <c r="M166" s="3" t="s">
        <v>66</v>
      </c>
      <c r="N166" s="3" t="s">
        <v>67</v>
      </c>
      <c r="O166" s="3" t="s">
        <v>52</v>
      </c>
      <c r="P166" s="3" t="s">
        <v>37</v>
      </c>
      <c r="Q166" s="3" t="s">
        <v>37</v>
      </c>
      <c r="R166" s="3" t="s">
        <v>38</v>
      </c>
      <c r="S166" s="3" t="s">
        <v>1334</v>
      </c>
      <c r="T166" s="3" t="s">
        <v>37</v>
      </c>
      <c r="U166" s="3" t="s">
        <v>37</v>
      </c>
      <c r="V166" s="3" t="s">
        <v>37</v>
      </c>
    </row>
    <row r="167" spans="1:22" x14ac:dyDescent="0.25">
      <c r="A167" s="3" t="s">
        <v>913</v>
      </c>
      <c r="B167" s="4" t="s">
        <v>519</v>
      </c>
      <c r="C167" s="3" t="s">
        <v>520</v>
      </c>
      <c r="D167" s="5" t="s">
        <v>990</v>
      </c>
      <c r="E167" s="3" t="s">
        <v>490</v>
      </c>
      <c r="F167" s="3" t="s">
        <v>1335</v>
      </c>
      <c r="G167" s="3" t="s">
        <v>182</v>
      </c>
      <c r="H167" s="3" t="s">
        <v>64</v>
      </c>
      <c r="I167" s="3" t="s">
        <v>791</v>
      </c>
      <c r="J167" s="3" t="s">
        <v>1336</v>
      </c>
      <c r="K167" s="3" t="s">
        <v>32</v>
      </c>
      <c r="L167" s="3" t="s">
        <v>494</v>
      </c>
      <c r="M167" s="3" t="s">
        <v>34</v>
      </c>
      <c r="N167" s="3" t="s">
        <v>35</v>
      </c>
      <c r="O167" s="3" t="s">
        <v>86</v>
      </c>
      <c r="P167" s="3" t="s">
        <v>37</v>
      </c>
      <c r="Q167" s="3" t="s">
        <v>37</v>
      </c>
      <c r="R167" s="3" t="s">
        <v>38</v>
      </c>
      <c r="S167" s="3" t="s">
        <v>1337</v>
      </c>
      <c r="T167" s="3" t="s">
        <v>37</v>
      </c>
      <c r="U167" s="3" t="s">
        <v>37</v>
      </c>
      <c r="V167" s="3" t="s">
        <v>37</v>
      </c>
    </row>
    <row r="168" spans="1:22" x14ac:dyDescent="0.25">
      <c r="A168" s="3" t="s">
        <v>913</v>
      </c>
      <c r="B168" s="4" t="s">
        <v>519</v>
      </c>
      <c r="C168" s="3" t="s">
        <v>520</v>
      </c>
      <c r="D168" s="5" t="s">
        <v>447</v>
      </c>
      <c r="E168" s="3" t="s">
        <v>490</v>
      </c>
      <c r="F168" s="3" t="s">
        <v>1338</v>
      </c>
      <c r="G168" s="3" t="s">
        <v>340</v>
      </c>
      <c r="H168" s="3" t="s">
        <v>64</v>
      </c>
      <c r="I168" s="3" t="s">
        <v>492</v>
      </c>
      <c r="J168" s="3" t="s">
        <v>1339</v>
      </c>
      <c r="K168" s="3" t="s">
        <v>32</v>
      </c>
      <c r="L168" s="3" t="s">
        <v>494</v>
      </c>
      <c r="M168" s="3" t="s">
        <v>34</v>
      </c>
      <c r="N168" s="3" t="s">
        <v>35</v>
      </c>
      <c r="O168" s="3" t="s">
        <v>86</v>
      </c>
      <c r="P168" s="3" t="s">
        <v>37</v>
      </c>
      <c r="Q168" s="3" t="s">
        <v>37</v>
      </c>
      <c r="R168" s="3" t="s">
        <v>38</v>
      </c>
      <c r="S168" s="3" t="s">
        <v>1340</v>
      </c>
      <c r="T168" s="3" t="s">
        <v>37</v>
      </c>
      <c r="U168" s="3" t="s">
        <v>37</v>
      </c>
      <c r="V168" s="3" t="s">
        <v>37</v>
      </c>
    </row>
    <row r="169" spans="1:22" x14ac:dyDescent="0.25">
      <c r="A169" s="3" t="s">
        <v>913</v>
      </c>
      <c r="B169" s="4" t="s">
        <v>519</v>
      </c>
      <c r="C169" s="3" t="s">
        <v>520</v>
      </c>
      <c r="D169" s="5" t="s">
        <v>122</v>
      </c>
      <c r="E169" s="3" t="s">
        <v>490</v>
      </c>
      <c r="F169" s="3" t="s">
        <v>1341</v>
      </c>
      <c r="G169" s="3" t="s">
        <v>253</v>
      </c>
      <c r="H169" s="3" t="s">
        <v>29</v>
      </c>
      <c r="I169" s="3" t="s">
        <v>1112</v>
      </c>
      <c r="J169" s="3" t="s">
        <v>1342</v>
      </c>
      <c r="K169" s="3" t="s">
        <v>32</v>
      </c>
      <c r="L169" s="3" t="s">
        <v>37</v>
      </c>
      <c r="M169" s="3" t="s">
        <v>34</v>
      </c>
      <c r="N169" s="3" t="s">
        <v>137</v>
      </c>
      <c r="O169" s="3" t="s">
        <v>86</v>
      </c>
      <c r="P169" s="3" t="s">
        <v>37</v>
      </c>
      <c r="Q169" s="3" t="s">
        <v>37</v>
      </c>
      <c r="R169" s="3" t="s">
        <v>38</v>
      </c>
      <c r="S169" s="3" t="s">
        <v>1343</v>
      </c>
      <c r="T169" s="3" t="s">
        <v>37</v>
      </c>
      <c r="U169" s="3" t="s">
        <v>37</v>
      </c>
      <c r="V169" s="3" t="s">
        <v>37</v>
      </c>
    </row>
    <row r="170" spans="1:22" x14ac:dyDescent="0.25">
      <c r="A170" s="3" t="s">
        <v>913</v>
      </c>
      <c r="B170" s="4" t="s">
        <v>519</v>
      </c>
      <c r="C170" s="3" t="s">
        <v>520</v>
      </c>
      <c r="D170" s="5" t="s">
        <v>319</v>
      </c>
      <c r="E170" s="3" t="s">
        <v>490</v>
      </c>
      <c r="F170" s="3" t="s">
        <v>1344</v>
      </c>
      <c r="G170" s="3" t="s">
        <v>526</v>
      </c>
      <c r="H170" s="3" t="s">
        <v>29</v>
      </c>
      <c r="I170" s="3" t="s">
        <v>1112</v>
      </c>
      <c r="J170" s="3" t="s">
        <v>1345</v>
      </c>
      <c r="K170" s="3" t="s">
        <v>32</v>
      </c>
      <c r="L170" s="3" t="s">
        <v>37</v>
      </c>
      <c r="M170" s="3" t="s">
        <v>34</v>
      </c>
      <c r="N170" s="3" t="s">
        <v>137</v>
      </c>
      <c r="O170" s="3" t="s">
        <v>86</v>
      </c>
      <c r="P170" s="3" t="s">
        <v>37</v>
      </c>
      <c r="Q170" s="3" t="s">
        <v>37</v>
      </c>
      <c r="R170" s="3" t="s">
        <v>38</v>
      </c>
      <c r="S170" s="3" t="s">
        <v>1346</v>
      </c>
      <c r="T170" s="3" t="s">
        <v>37</v>
      </c>
      <c r="U170" s="3" t="s">
        <v>37</v>
      </c>
      <c r="V170" s="3" t="s">
        <v>37</v>
      </c>
    </row>
    <row r="171" spans="1:22" x14ac:dyDescent="0.25">
      <c r="A171" s="3" t="s">
        <v>913</v>
      </c>
      <c r="B171" s="4" t="s">
        <v>519</v>
      </c>
      <c r="C171" s="3" t="s">
        <v>520</v>
      </c>
      <c r="D171" s="5" t="s">
        <v>131</v>
      </c>
      <c r="E171" s="3" t="s">
        <v>936</v>
      </c>
      <c r="F171" s="3" t="s">
        <v>991</v>
      </c>
      <c r="G171" s="3" t="s">
        <v>57</v>
      </c>
      <c r="H171" s="3" t="s">
        <v>64</v>
      </c>
      <c r="I171" s="3" t="s">
        <v>938</v>
      </c>
      <c r="J171" s="3" t="s">
        <v>992</v>
      </c>
      <c r="K171" s="3" t="s">
        <v>32</v>
      </c>
      <c r="L171" s="3" t="s">
        <v>33</v>
      </c>
      <c r="M171" s="3" t="s">
        <v>940</v>
      </c>
      <c r="N171" s="3" t="s">
        <v>80</v>
      </c>
      <c r="O171" s="3" t="s">
        <v>152</v>
      </c>
      <c r="P171" s="3" t="s">
        <v>37</v>
      </c>
      <c r="Q171" s="3" t="s">
        <v>37</v>
      </c>
      <c r="R171" s="3" t="s">
        <v>38</v>
      </c>
      <c r="S171" s="3" t="s">
        <v>993</v>
      </c>
      <c r="T171" s="3" t="s">
        <v>37</v>
      </c>
      <c r="U171" s="3" t="s">
        <v>37</v>
      </c>
      <c r="V171" s="3" t="s">
        <v>37</v>
      </c>
    </row>
    <row r="172" spans="1:22" x14ac:dyDescent="0.25">
      <c r="A172" s="3" t="s">
        <v>913</v>
      </c>
      <c r="B172" s="4" t="s">
        <v>519</v>
      </c>
      <c r="C172" s="3" t="s">
        <v>520</v>
      </c>
      <c r="D172" s="5" t="s">
        <v>656</v>
      </c>
      <c r="E172" s="3" t="s">
        <v>936</v>
      </c>
      <c r="F172" s="3" t="s">
        <v>994</v>
      </c>
      <c r="G172" s="3" t="s">
        <v>192</v>
      </c>
      <c r="H172" s="3" t="s">
        <v>64</v>
      </c>
      <c r="I172" s="3" t="s">
        <v>938</v>
      </c>
      <c r="J172" s="3" t="s">
        <v>995</v>
      </c>
      <c r="K172" s="3" t="s">
        <v>32</v>
      </c>
      <c r="L172" s="3" t="s">
        <v>33</v>
      </c>
      <c r="M172" s="3" t="s">
        <v>940</v>
      </c>
      <c r="N172" s="3" t="s">
        <v>80</v>
      </c>
      <c r="O172" s="3" t="s">
        <v>152</v>
      </c>
      <c r="P172" s="3" t="s">
        <v>37</v>
      </c>
      <c r="Q172" s="3" t="s">
        <v>37</v>
      </c>
      <c r="R172" s="3" t="s">
        <v>38</v>
      </c>
      <c r="S172" s="3" t="s">
        <v>996</v>
      </c>
      <c r="T172" s="3" t="s">
        <v>37</v>
      </c>
      <c r="U172" s="3" t="s">
        <v>37</v>
      </c>
      <c r="V172" s="3" t="s">
        <v>37</v>
      </c>
    </row>
    <row r="173" spans="1:22" x14ac:dyDescent="0.25">
      <c r="A173" s="3" t="s">
        <v>913</v>
      </c>
      <c r="B173" s="4" t="s">
        <v>519</v>
      </c>
      <c r="C173" s="3" t="s">
        <v>520</v>
      </c>
      <c r="D173" s="5" t="s">
        <v>1037</v>
      </c>
      <c r="E173" s="3" t="s">
        <v>936</v>
      </c>
      <c r="F173" s="3" t="s">
        <v>997</v>
      </c>
      <c r="G173" s="3" t="s">
        <v>816</v>
      </c>
      <c r="H173" s="3" t="s">
        <v>64</v>
      </c>
      <c r="I173" s="3" t="s">
        <v>938</v>
      </c>
      <c r="J173" s="3" t="s">
        <v>998</v>
      </c>
      <c r="K173" s="3" t="s">
        <v>32</v>
      </c>
      <c r="L173" s="3" t="s">
        <v>33</v>
      </c>
      <c r="M173" s="3" t="s">
        <v>940</v>
      </c>
      <c r="N173" s="3" t="s">
        <v>80</v>
      </c>
      <c r="O173" s="3" t="s">
        <v>152</v>
      </c>
      <c r="P173" s="3" t="s">
        <v>37</v>
      </c>
      <c r="Q173" s="3" t="s">
        <v>37</v>
      </c>
      <c r="R173" s="3" t="s">
        <v>38</v>
      </c>
      <c r="S173" s="3" t="s">
        <v>999</v>
      </c>
      <c r="T173" s="3" t="s">
        <v>37</v>
      </c>
      <c r="U173" s="3" t="s">
        <v>37</v>
      </c>
      <c r="V173" s="3" t="s">
        <v>37</v>
      </c>
    </row>
    <row r="174" spans="1:22" x14ac:dyDescent="0.25">
      <c r="A174" s="3" t="s">
        <v>913</v>
      </c>
      <c r="B174" s="4" t="s">
        <v>519</v>
      </c>
      <c r="C174" s="3" t="s">
        <v>520</v>
      </c>
      <c r="D174" s="5" t="s">
        <v>459</v>
      </c>
      <c r="E174" s="3" t="s">
        <v>936</v>
      </c>
      <c r="F174" s="3" t="s">
        <v>1000</v>
      </c>
      <c r="G174" s="3" t="s">
        <v>202</v>
      </c>
      <c r="H174" s="3" t="s">
        <v>64</v>
      </c>
      <c r="I174" s="3" t="s">
        <v>938</v>
      </c>
      <c r="J174" s="3" t="s">
        <v>1001</v>
      </c>
      <c r="K174" s="3" t="s">
        <v>32</v>
      </c>
      <c r="L174" s="3" t="s">
        <v>33</v>
      </c>
      <c r="M174" s="3" t="s">
        <v>940</v>
      </c>
      <c r="N174" s="3" t="s">
        <v>80</v>
      </c>
      <c r="O174" s="3" t="s">
        <v>152</v>
      </c>
      <c r="P174" s="3" t="s">
        <v>37</v>
      </c>
      <c r="Q174" s="3" t="s">
        <v>37</v>
      </c>
      <c r="R174" s="3" t="s">
        <v>38</v>
      </c>
      <c r="S174" s="3" t="s">
        <v>1002</v>
      </c>
      <c r="T174" s="3" t="s">
        <v>37</v>
      </c>
      <c r="U174" s="3" t="s">
        <v>37</v>
      </c>
      <c r="V174" s="3" t="s">
        <v>37</v>
      </c>
    </row>
    <row r="175" spans="1:22" x14ac:dyDescent="0.25">
      <c r="A175" s="3" t="s">
        <v>913</v>
      </c>
      <c r="B175" s="4" t="s">
        <v>519</v>
      </c>
      <c r="C175" s="3" t="s">
        <v>520</v>
      </c>
      <c r="D175" s="5" t="s">
        <v>1044</v>
      </c>
      <c r="E175" s="3" t="s">
        <v>936</v>
      </c>
      <c r="F175" s="3" t="s">
        <v>1034</v>
      </c>
      <c r="G175" s="3" t="s">
        <v>64</v>
      </c>
      <c r="H175" s="3" t="s">
        <v>64</v>
      </c>
      <c r="I175" s="3" t="s">
        <v>938</v>
      </c>
      <c r="J175" s="3" t="s">
        <v>1035</v>
      </c>
      <c r="K175" s="3" t="s">
        <v>32</v>
      </c>
      <c r="L175" s="3" t="s">
        <v>33</v>
      </c>
      <c r="M175" s="3" t="s">
        <v>940</v>
      </c>
      <c r="N175" s="3" t="s">
        <v>80</v>
      </c>
      <c r="O175" s="3" t="s">
        <v>152</v>
      </c>
      <c r="P175" s="3" t="s">
        <v>37</v>
      </c>
      <c r="Q175" s="3" t="s">
        <v>37</v>
      </c>
      <c r="R175" s="3" t="s">
        <v>38</v>
      </c>
      <c r="S175" s="3" t="s">
        <v>1036</v>
      </c>
      <c r="T175" s="3" t="s">
        <v>37</v>
      </c>
      <c r="U175" s="3" t="s">
        <v>37</v>
      </c>
      <c r="V175" s="3" t="s">
        <v>37</v>
      </c>
    </row>
    <row r="176" spans="1:22" x14ac:dyDescent="0.25">
      <c r="A176" s="3" t="s">
        <v>913</v>
      </c>
      <c r="B176" s="4" t="s">
        <v>519</v>
      </c>
      <c r="C176" s="3" t="s">
        <v>520</v>
      </c>
      <c r="D176" s="5" t="s">
        <v>145</v>
      </c>
      <c r="E176" s="3" t="s">
        <v>936</v>
      </c>
      <c r="F176" s="3" t="s">
        <v>1031</v>
      </c>
      <c r="G176" s="3" t="s">
        <v>29</v>
      </c>
      <c r="H176" s="3" t="s">
        <v>64</v>
      </c>
      <c r="I176" s="3" t="s">
        <v>938</v>
      </c>
      <c r="J176" s="3" t="s">
        <v>1032</v>
      </c>
      <c r="K176" s="3" t="s">
        <v>32</v>
      </c>
      <c r="L176" s="3" t="s">
        <v>33</v>
      </c>
      <c r="M176" s="3" t="s">
        <v>940</v>
      </c>
      <c r="N176" s="3" t="s">
        <v>80</v>
      </c>
      <c r="O176" s="3" t="s">
        <v>152</v>
      </c>
      <c r="P176" s="3" t="s">
        <v>37</v>
      </c>
      <c r="Q176" s="3" t="s">
        <v>37</v>
      </c>
      <c r="R176" s="3" t="s">
        <v>38</v>
      </c>
      <c r="S176" s="3" t="s">
        <v>1033</v>
      </c>
      <c r="T176" s="3" t="s">
        <v>37</v>
      </c>
      <c r="U176" s="3" t="s">
        <v>37</v>
      </c>
      <c r="V176" s="3" t="s">
        <v>37</v>
      </c>
    </row>
    <row r="177" spans="1:22" x14ac:dyDescent="0.25">
      <c r="A177" s="3" t="s">
        <v>913</v>
      </c>
      <c r="B177" s="4" t="s">
        <v>519</v>
      </c>
      <c r="C177" s="3" t="s">
        <v>520</v>
      </c>
      <c r="D177" s="5" t="s">
        <v>146</v>
      </c>
      <c r="E177" s="3" t="s">
        <v>936</v>
      </c>
      <c r="F177" s="3" t="s">
        <v>1007</v>
      </c>
      <c r="G177" s="3" t="s">
        <v>95</v>
      </c>
      <c r="H177" s="3" t="s">
        <v>64</v>
      </c>
      <c r="I177" s="3" t="s">
        <v>938</v>
      </c>
      <c r="J177" s="3" t="s">
        <v>1008</v>
      </c>
      <c r="K177" s="3" t="s">
        <v>32</v>
      </c>
      <c r="L177" s="3" t="s">
        <v>33</v>
      </c>
      <c r="M177" s="3" t="s">
        <v>940</v>
      </c>
      <c r="N177" s="3" t="s">
        <v>80</v>
      </c>
      <c r="O177" s="3" t="s">
        <v>152</v>
      </c>
      <c r="P177" s="3" t="s">
        <v>37</v>
      </c>
      <c r="Q177" s="3" t="s">
        <v>37</v>
      </c>
      <c r="R177" s="3" t="s">
        <v>38</v>
      </c>
      <c r="S177" s="3" t="s">
        <v>1009</v>
      </c>
      <c r="T177" s="3" t="s">
        <v>37</v>
      </c>
      <c r="U177" s="3" t="s">
        <v>37</v>
      </c>
      <c r="V177" s="3" t="s">
        <v>37</v>
      </c>
    </row>
    <row r="178" spans="1:22" x14ac:dyDescent="0.25">
      <c r="A178" s="3" t="s">
        <v>913</v>
      </c>
      <c r="B178" s="4" t="s">
        <v>519</v>
      </c>
      <c r="C178" s="3" t="s">
        <v>520</v>
      </c>
      <c r="D178" s="5" t="s">
        <v>1257</v>
      </c>
      <c r="E178" s="3" t="s">
        <v>936</v>
      </c>
      <c r="F178" s="3" t="s">
        <v>1024</v>
      </c>
      <c r="G178" s="3" t="s">
        <v>177</v>
      </c>
      <c r="H178" s="3" t="s">
        <v>64</v>
      </c>
      <c r="I178" s="3" t="s">
        <v>938</v>
      </c>
      <c r="J178" s="3" t="s">
        <v>1025</v>
      </c>
      <c r="K178" s="3" t="s">
        <v>32</v>
      </c>
      <c r="L178" s="3" t="s">
        <v>33</v>
      </c>
      <c r="M178" s="3" t="s">
        <v>940</v>
      </c>
      <c r="N178" s="3" t="s">
        <v>80</v>
      </c>
      <c r="O178" s="3" t="s">
        <v>152</v>
      </c>
      <c r="P178" s="3" t="s">
        <v>37</v>
      </c>
      <c r="Q178" s="3" t="s">
        <v>37</v>
      </c>
      <c r="R178" s="3" t="s">
        <v>38</v>
      </c>
      <c r="S178" s="3" t="s">
        <v>1026</v>
      </c>
      <c r="T178" s="3" t="s">
        <v>37</v>
      </c>
      <c r="U178" s="3" t="s">
        <v>37</v>
      </c>
      <c r="V178" s="3" t="s">
        <v>37</v>
      </c>
    </row>
    <row r="179" spans="1:22" x14ac:dyDescent="0.25">
      <c r="A179" s="3" t="s">
        <v>913</v>
      </c>
      <c r="B179" s="4" t="s">
        <v>519</v>
      </c>
      <c r="C179" s="3" t="s">
        <v>520</v>
      </c>
      <c r="D179" s="5" t="s">
        <v>1258</v>
      </c>
      <c r="E179" s="3" t="s">
        <v>1347</v>
      </c>
      <c r="F179" s="3" t="s">
        <v>1348</v>
      </c>
      <c r="G179" s="3" t="s">
        <v>182</v>
      </c>
      <c r="H179" s="3" t="s">
        <v>64</v>
      </c>
      <c r="I179" s="3" t="s">
        <v>37</v>
      </c>
      <c r="J179" s="3" t="s">
        <v>1349</v>
      </c>
      <c r="K179" s="3" t="s">
        <v>32</v>
      </c>
      <c r="L179" s="3" t="s">
        <v>33</v>
      </c>
      <c r="M179" s="3" t="s">
        <v>66</v>
      </c>
      <c r="N179" s="3" t="s">
        <v>51</v>
      </c>
      <c r="O179" s="3" t="s">
        <v>1350</v>
      </c>
      <c r="P179" s="3" t="s">
        <v>37</v>
      </c>
      <c r="Q179" s="3" t="s">
        <v>37</v>
      </c>
      <c r="R179" s="3" t="s">
        <v>38</v>
      </c>
      <c r="S179" s="3" t="s">
        <v>1351</v>
      </c>
      <c r="T179" s="3" t="s">
        <v>121</v>
      </c>
      <c r="U179" s="3" t="s">
        <v>37</v>
      </c>
      <c r="V179" s="3" t="s">
        <v>37</v>
      </c>
    </row>
    <row r="180" spans="1:22" x14ac:dyDescent="0.25">
      <c r="A180" s="3" t="s">
        <v>913</v>
      </c>
      <c r="B180" s="4" t="s">
        <v>519</v>
      </c>
      <c r="C180" s="3" t="s">
        <v>520</v>
      </c>
      <c r="D180" s="5" t="s">
        <v>159</v>
      </c>
      <c r="E180" s="3" t="s">
        <v>936</v>
      </c>
      <c r="F180" s="3" t="s">
        <v>1010</v>
      </c>
      <c r="G180" s="3" t="s">
        <v>182</v>
      </c>
      <c r="H180" s="3" t="s">
        <v>64</v>
      </c>
      <c r="I180" s="3" t="s">
        <v>938</v>
      </c>
      <c r="J180" s="3" t="s">
        <v>1011</v>
      </c>
      <c r="K180" s="3" t="s">
        <v>32</v>
      </c>
      <c r="L180" s="3" t="s">
        <v>33</v>
      </c>
      <c r="M180" s="3" t="s">
        <v>940</v>
      </c>
      <c r="N180" s="3" t="s">
        <v>80</v>
      </c>
      <c r="O180" s="3" t="s">
        <v>152</v>
      </c>
      <c r="P180" s="3" t="s">
        <v>37</v>
      </c>
      <c r="Q180" s="3" t="s">
        <v>37</v>
      </c>
      <c r="R180" s="3" t="s">
        <v>38</v>
      </c>
      <c r="S180" s="3" t="s">
        <v>1012</v>
      </c>
      <c r="T180" s="3" t="s">
        <v>37</v>
      </c>
      <c r="U180" s="3" t="s">
        <v>37</v>
      </c>
      <c r="V180" s="3" t="s">
        <v>37</v>
      </c>
    </row>
    <row r="181" spans="1:22" x14ac:dyDescent="0.25">
      <c r="A181" s="3" t="s">
        <v>913</v>
      </c>
      <c r="B181" s="4" t="s">
        <v>519</v>
      </c>
      <c r="C181" s="3" t="s">
        <v>520</v>
      </c>
      <c r="D181" s="5" t="s">
        <v>665</v>
      </c>
      <c r="E181" s="3" t="s">
        <v>936</v>
      </c>
      <c r="F181" s="3" t="s">
        <v>1013</v>
      </c>
      <c r="G181" s="3" t="s">
        <v>340</v>
      </c>
      <c r="H181" s="3" t="s">
        <v>64</v>
      </c>
      <c r="I181" s="3" t="s">
        <v>938</v>
      </c>
      <c r="J181" s="3" t="s">
        <v>1014</v>
      </c>
      <c r="K181" s="3" t="s">
        <v>32</v>
      </c>
      <c r="L181" s="3" t="s">
        <v>33</v>
      </c>
      <c r="M181" s="3" t="s">
        <v>940</v>
      </c>
      <c r="N181" s="3" t="s">
        <v>80</v>
      </c>
      <c r="O181" s="3" t="s">
        <v>152</v>
      </c>
      <c r="P181" s="3" t="s">
        <v>37</v>
      </c>
      <c r="Q181" s="3" t="s">
        <v>37</v>
      </c>
      <c r="R181" s="3" t="s">
        <v>38</v>
      </c>
      <c r="S181" s="3" t="s">
        <v>1015</v>
      </c>
      <c r="T181" s="3" t="s">
        <v>37</v>
      </c>
      <c r="U181" s="3" t="s">
        <v>37</v>
      </c>
      <c r="V181" s="3" t="s">
        <v>37</v>
      </c>
    </row>
    <row r="182" spans="1:22" x14ac:dyDescent="0.25">
      <c r="A182" s="3" t="s">
        <v>913</v>
      </c>
      <c r="B182" s="4" t="s">
        <v>519</v>
      </c>
      <c r="C182" s="3" t="s">
        <v>520</v>
      </c>
      <c r="D182" s="5" t="s">
        <v>1266</v>
      </c>
      <c r="E182" s="3" t="s">
        <v>936</v>
      </c>
      <c r="F182" s="3" t="s">
        <v>1017</v>
      </c>
      <c r="G182" s="3" t="s">
        <v>344</v>
      </c>
      <c r="H182" s="3" t="s">
        <v>64</v>
      </c>
      <c r="I182" s="3" t="s">
        <v>938</v>
      </c>
      <c r="J182" s="3" t="s">
        <v>1018</v>
      </c>
      <c r="K182" s="3" t="s">
        <v>32</v>
      </c>
      <c r="L182" s="3" t="s">
        <v>33</v>
      </c>
      <c r="M182" s="3" t="s">
        <v>940</v>
      </c>
      <c r="N182" s="3" t="s">
        <v>80</v>
      </c>
      <c r="O182" s="3" t="s">
        <v>152</v>
      </c>
      <c r="P182" s="3" t="s">
        <v>37</v>
      </c>
      <c r="Q182" s="3" t="s">
        <v>37</v>
      </c>
      <c r="R182" s="3" t="s">
        <v>38</v>
      </c>
      <c r="S182" s="3" t="s">
        <v>1019</v>
      </c>
      <c r="T182" s="3" t="s">
        <v>37</v>
      </c>
      <c r="U182" s="3" t="s">
        <v>37</v>
      </c>
      <c r="V182" s="3" t="s">
        <v>37</v>
      </c>
    </row>
    <row r="183" spans="1:22" x14ac:dyDescent="0.25">
      <c r="A183" s="3" t="s">
        <v>913</v>
      </c>
      <c r="B183" s="4" t="s">
        <v>519</v>
      </c>
      <c r="C183" s="3" t="s">
        <v>520</v>
      </c>
      <c r="D183" s="5" t="s">
        <v>1059</v>
      </c>
      <c r="E183" s="3" t="s">
        <v>936</v>
      </c>
      <c r="F183" s="3" t="s">
        <v>1045</v>
      </c>
      <c r="G183" s="3" t="s">
        <v>78</v>
      </c>
      <c r="H183" s="3" t="s">
        <v>64</v>
      </c>
      <c r="I183" s="3" t="s">
        <v>938</v>
      </c>
      <c r="J183" s="3" t="s">
        <v>1046</v>
      </c>
      <c r="K183" s="3" t="s">
        <v>32</v>
      </c>
      <c r="L183" s="3" t="s">
        <v>33</v>
      </c>
      <c r="M183" s="3" t="s">
        <v>940</v>
      </c>
      <c r="N183" s="3" t="s">
        <v>80</v>
      </c>
      <c r="O183" s="3" t="s">
        <v>152</v>
      </c>
      <c r="P183" s="3" t="s">
        <v>37</v>
      </c>
      <c r="Q183" s="3" t="s">
        <v>37</v>
      </c>
      <c r="R183" s="3" t="s">
        <v>38</v>
      </c>
      <c r="S183" s="3" t="s">
        <v>1047</v>
      </c>
      <c r="T183" s="3" t="s">
        <v>37</v>
      </c>
      <c r="U183" s="3" t="s">
        <v>37</v>
      </c>
      <c r="V183" s="3" t="s">
        <v>37</v>
      </c>
    </row>
    <row r="184" spans="1:22" x14ac:dyDescent="0.25">
      <c r="A184" s="3" t="s">
        <v>913</v>
      </c>
      <c r="B184" s="4" t="s">
        <v>519</v>
      </c>
      <c r="C184" s="3" t="s">
        <v>520</v>
      </c>
      <c r="D184" s="5" t="s">
        <v>170</v>
      </c>
      <c r="E184" s="3" t="s">
        <v>936</v>
      </c>
      <c r="F184" s="3" t="s">
        <v>1263</v>
      </c>
      <c r="G184" s="3" t="s">
        <v>225</v>
      </c>
      <c r="H184" s="3" t="s">
        <v>64</v>
      </c>
      <c r="I184" s="3" t="s">
        <v>938</v>
      </c>
      <c r="J184" s="3" t="s">
        <v>1264</v>
      </c>
      <c r="K184" s="3" t="s">
        <v>32</v>
      </c>
      <c r="L184" s="3" t="s">
        <v>33</v>
      </c>
      <c r="M184" s="3" t="s">
        <v>940</v>
      </c>
      <c r="N184" s="3" t="s">
        <v>80</v>
      </c>
      <c r="O184" s="3" t="s">
        <v>152</v>
      </c>
      <c r="P184" s="3" t="s">
        <v>37</v>
      </c>
      <c r="Q184" s="3" t="s">
        <v>37</v>
      </c>
      <c r="R184" s="3" t="s">
        <v>38</v>
      </c>
      <c r="S184" s="3" t="s">
        <v>1265</v>
      </c>
      <c r="T184" s="3" t="s">
        <v>37</v>
      </c>
      <c r="U184" s="3" t="s">
        <v>37</v>
      </c>
      <c r="V184" s="3" t="s">
        <v>37</v>
      </c>
    </row>
    <row r="185" spans="1:22" x14ac:dyDescent="0.25">
      <c r="A185" s="3" t="s">
        <v>913</v>
      </c>
      <c r="B185" s="4" t="s">
        <v>519</v>
      </c>
      <c r="C185" s="3" t="s">
        <v>520</v>
      </c>
      <c r="D185" s="5" t="s">
        <v>1267</v>
      </c>
      <c r="E185" s="3" t="s">
        <v>936</v>
      </c>
      <c r="F185" s="3" t="s">
        <v>1003</v>
      </c>
      <c r="G185" s="3" t="s">
        <v>90</v>
      </c>
      <c r="H185" s="3" t="s">
        <v>64</v>
      </c>
      <c r="I185" s="3" t="s">
        <v>938</v>
      </c>
      <c r="J185" s="3" t="s">
        <v>1004</v>
      </c>
      <c r="K185" s="3" t="s">
        <v>32</v>
      </c>
      <c r="L185" s="3" t="s">
        <v>33</v>
      </c>
      <c r="M185" s="3" t="s">
        <v>940</v>
      </c>
      <c r="N185" s="3" t="s">
        <v>80</v>
      </c>
      <c r="O185" s="3" t="s">
        <v>152</v>
      </c>
      <c r="P185" s="3" t="s">
        <v>37</v>
      </c>
      <c r="Q185" s="3" t="s">
        <v>37</v>
      </c>
      <c r="R185" s="3" t="s">
        <v>38</v>
      </c>
      <c r="S185" s="3" t="s">
        <v>1005</v>
      </c>
      <c r="T185" s="3" t="s">
        <v>37</v>
      </c>
      <c r="U185" s="3" t="s">
        <v>37</v>
      </c>
      <c r="V185" s="3" t="s">
        <v>37</v>
      </c>
    </row>
    <row r="186" spans="1:22" x14ac:dyDescent="0.25">
      <c r="A186" s="3" t="s">
        <v>913</v>
      </c>
      <c r="B186" s="4" t="s">
        <v>519</v>
      </c>
      <c r="C186" s="3" t="s">
        <v>520</v>
      </c>
      <c r="D186" s="5" t="s">
        <v>1063</v>
      </c>
      <c r="E186" s="3" t="s">
        <v>961</v>
      </c>
      <c r="F186" s="3" t="s">
        <v>977</v>
      </c>
      <c r="G186" s="3" t="s">
        <v>1352</v>
      </c>
      <c r="H186" s="3" t="s">
        <v>78</v>
      </c>
      <c r="I186" s="3" t="s">
        <v>37</v>
      </c>
      <c r="J186" s="3" t="s">
        <v>1353</v>
      </c>
      <c r="K186" s="3" t="s">
        <v>32</v>
      </c>
      <c r="L186" s="3" t="s">
        <v>33</v>
      </c>
      <c r="M186" s="3" t="s">
        <v>66</v>
      </c>
      <c r="N186" s="3" t="s">
        <v>80</v>
      </c>
      <c r="O186" s="3" t="s">
        <v>86</v>
      </c>
      <c r="P186" s="3" t="s">
        <v>37</v>
      </c>
      <c r="Q186" s="3" t="s">
        <v>37</v>
      </c>
      <c r="R186" s="3" t="s">
        <v>38</v>
      </c>
      <c r="S186" s="3" t="s">
        <v>1354</v>
      </c>
      <c r="T186" s="3" t="s">
        <v>37</v>
      </c>
      <c r="U186" s="3" t="s">
        <v>37</v>
      </c>
      <c r="V186" s="3" t="s">
        <v>37</v>
      </c>
    </row>
    <row r="187" spans="1:22" x14ac:dyDescent="0.25">
      <c r="A187" s="3" t="s">
        <v>913</v>
      </c>
      <c r="B187" s="4" t="s">
        <v>519</v>
      </c>
      <c r="C187" s="3" t="s">
        <v>520</v>
      </c>
      <c r="D187" s="5" t="s">
        <v>1066</v>
      </c>
      <c r="E187" s="3" t="s">
        <v>1051</v>
      </c>
      <c r="F187" s="3" t="s">
        <v>1355</v>
      </c>
      <c r="G187" s="3" t="s">
        <v>333</v>
      </c>
      <c r="H187" s="3" t="s">
        <v>29</v>
      </c>
      <c r="I187" s="3" t="s">
        <v>37</v>
      </c>
      <c r="J187" s="3" t="s">
        <v>1356</v>
      </c>
      <c r="K187" s="3" t="s">
        <v>32</v>
      </c>
      <c r="L187" s="3" t="s">
        <v>33</v>
      </c>
      <c r="M187" s="3" t="s">
        <v>66</v>
      </c>
      <c r="N187" s="3" t="s">
        <v>67</v>
      </c>
      <c r="O187" s="3" t="s">
        <v>86</v>
      </c>
      <c r="P187" s="3" t="s">
        <v>37</v>
      </c>
      <c r="Q187" s="3" t="s">
        <v>37</v>
      </c>
      <c r="R187" s="3" t="s">
        <v>38</v>
      </c>
      <c r="S187" s="3" t="s">
        <v>1357</v>
      </c>
      <c r="T187" s="3" t="s">
        <v>121</v>
      </c>
      <c r="U187" s="3" t="s">
        <v>37</v>
      </c>
      <c r="V187" s="3" t="s">
        <v>37</v>
      </c>
    </row>
    <row r="188" spans="1:22" x14ac:dyDescent="0.25">
      <c r="A188" s="3" t="s">
        <v>913</v>
      </c>
      <c r="B188" s="4" t="s">
        <v>519</v>
      </c>
      <c r="C188" s="3" t="s">
        <v>520</v>
      </c>
      <c r="D188" s="5" t="s">
        <v>1358</v>
      </c>
      <c r="E188" s="3" t="s">
        <v>925</v>
      </c>
      <c r="F188" s="3" t="s">
        <v>1359</v>
      </c>
      <c r="G188" s="3" t="s">
        <v>537</v>
      </c>
      <c r="H188" s="3" t="s">
        <v>64</v>
      </c>
      <c r="I188" s="3" t="s">
        <v>927</v>
      </c>
      <c r="J188" s="3" t="s">
        <v>1360</v>
      </c>
      <c r="K188" s="3" t="s">
        <v>32</v>
      </c>
      <c r="L188" s="3" t="s">
        <v>33</v>
      </c>
      <c r="M188" s="3" t="s">
        <v>34</v>
      </c>
      <c r="N188" s="3" t="s">
        <v>67</v>
      </c>
      <c r="O188" s="3" t="s">
        <v>119</v>
      </c>
      <c r="P188" s="3" t="s">
        <v>37</v>
      </c>
      <c r="Q188" s="3" t="s">
        <v>37</v>
      </c>
      <c r="R188" s="3" t="s">
        <v>38</v>
      </c>
      <c r="S188" s="3" t="s">
        <v>1361</v>
      </c>
      <c r="T188" s="3" t="s">
        <v>37</v>
      </c>
      <c r="U188" s="3" t="s">
        <v>37</v>
      </c>
      <c r="V188" s="3" t="s">
        <v>37</v>
      </c>
    </row>
    <row r="189" spans="1:22" x14ac:dyDescent="0.25">
      <c r="A189" s="3" t="s">
        <v>913</v>
      </c>
      <c r="B189" s="4" t="s">
        <v>519</v>
      </c>
      <c r="C189" s="3" t="s">
        <v>520</v>
      </c>
      <c r="D189" s="5" t="s">
        <v>1069</v>
      </c>
      <c r="E189" s="3" t="s">
        <v>1051</v>
      </c>
      <c r="F189" s="3" t="s">
        <v>1362</v>
      </c>
      <c r="G189" s="3" t="s">
        <v>272</v>
      </c>
      <c r="H189" s="3" t="s">
        <v>29</v>
      </c>
      <c r="I189" s="3" t="s">
        <v>37</v>
      </c>
      <c r="J189" s="3" t="s">
        <v>1363</v>
      </c>
      <c r="K189" s="3" t="s">
        <v>32</v>
      </c>
      <c r="L189" s="3" t="s">
        <v>33</v>
      </c>
      <c r="M189" s="3" t="s">
        <v>66</v>
      </c>
      <c r="N189" s="3" t="s">
        <v>67</v>
      </c>
      <c r="O189" s="3" t="s">
        <v>86</v>
      </c>
      <c r="P189" s="3" t="s">
        <v>37</v>
      </c>
      <c r="Q189" s="3" t="s">
        <v>37</v>
      </c>
      <c r="R189" s="3" t="s">
        <v>38</v>
      </c>
      <c r="S189" s="3" t="s">
        <v>1364</v>
      </c>
      <c r="T189" s="3" t="s">
        <v>37</v>
      </c>
      <c r="U189" s="3" t="s">
        <v>37</v>
      </c>
      <c r="V189" s="3" t="s">
        <v>37</v>
      </c>
    </row>
    <row r="190" spans="1:22" x14ac:dyDescent="0.25">
      <c r="A190" s="3" t="s">
        <v>913</v>
      </c>
      <c r="B190" s="4" t="s">
        <v>519</v>
      </c>
      <c r="C190" s="3" t="s">
        <v>520</v>
      </c>
      <c r="D190" s="5" t="s">
        <v>1075</v>
      </c>
      <c r="E190" s="3" t="s">
        <v>490</v>
      </c>
      <c r="F190" s="3" t="s">
        <v>1365</v>
      </c>
      <c r="G190" s="3" t="s">
        <v>900</v>
      </c>
      <c r="H190" s="3" t="s">
        <v>225</v>
      </c>
      <c r="I190" s="3" t="s">
        <v>37</v>
      </c>
      <c r="J190" s="3" t="s">
        <v>1366</v>
      </c>
      <c r="K190" s="3" t="s">
        <v>32</v>
      </c>
      <c r="L190" s="3" t="s">
        <v>33</v>
      </c>
      <c r="M190" s="3" t="s">
        <v>34</v>
      </c>
      <c r="N190" s="3" t="s">
        <v>80</v>
      </c>
      <c r="O190" s="3" t="s">
        <v>86</v>
      </c>
      <c r="P190" s="3" t="s">
        <v>37</v>
      </c>
      <c r="Q190" s="3" t="s">
        <v>37</v>
      </c>
      <c r="R190" s="3" t="s">
        <v>38</v>
      </c>
      <c r="S190" s="3" t="s">
        <v>1367</v>
      </c>
      <c r="T190" s="3" t="s">
        <v>37</v>
      </c>
      <c r="U190" s="3" t="s">
        <v>37</v>
      </c>
      <c r="V190" s="3" t="s">
        <v>37</v>
      </c>
    </row>
    <row r="191" spans="1:22" x14ac:dyDescent="0.25">
      <c r="A191" s="3" t="s">
        <v>913</v>
      </c>
      <c r="B191" s="4" t="s">
        <v>519</v>
      </c>
      <c r="C191" s="3" t="s">
        <v>520</v>
      </c>
      <c r="D191" s="5" t="s">
        <v>1080</v>
      </c>
      <c r="E191" s="3" t="s">
        <v>1081</v>
      </c>
      <c r="F191" s="3" t="s">
        <v>1368</v>
      </c>
      <c r="G191" s="3" t="s">
        <v>693</v>
      </c>
      <c r="H191" s="3" t="s">
        <v>78</v>
      </c>
      <c r="I191" s="3" t="s">
        <v>37</v>
      </c>
      <c r="J191" s="3" t="s">
        <v>1369</v>
      </c>
      <c r="K191" s="3" t="s">
        <v>32</v>
      </c>
      <c r="L191" s="3" t="s">
        <v>33</v>
      </c>
      <c r="M191" s="3" t="s">
        <v>66</v>
      </c>
      <c r="N191" s="3" t="s">
        <v>67</v>
      </c>
      <c r="O191" s="3" t="s">
        <v>52</v>
      </c>
      <c r="P191" s="3" t="s">
        <v>37</v>
      </c>
      <c r="Q191" s="3" t="s">
        <v>37</v>
      </c>
      <c r="R191" s="3" t="s">
        <v>38</v>
      </c>
      <c r="S191" s="3" t="s">
        <v>1370</v>
      </c>
      <c r="T191" s="3" t="s">
        <v>37</v>
      </c>
      <c r="U191" s="3" t="s">
        <v>37</v>
      </c>
      <c r="V191" s="3" t="s">
        <v>37</v>
      </c>
    </row>
    <row r="192" spans="1:22" x14ac:dyDescent="0.25">
      <c r="A192" s="3" t="s">
        <v>913</v>
      </c>
      <c r="B192" s="4" t="s">
        <v>519</v>
      </c>
      <c r="C192" s="3" t="s">
        <v>520</v>
      </c>
      <c r="D192" s="5" t="s">
        <v>200</v>
      </c>
      <c r="E192" s="3" t="s">
        <v>1086</v>
      </c>
      <c r="F192" s="3" t="s">
        <v>1371</v>
      </c>
      <c r="G192" s="3" t="s">
        <v>1372</v>
      </c>
      <c r="H192" s="3" t="s">
        <v>225</v>
      </c>
      <c r="I192" s="3" t="s">
        <v>407</v>
      </c>
      <c r="J192" s="3" t="s">
        <v>1373</v>
      </c>
      <c r="K192" s="3" t="s">
        <v>32</v>
      </c>
      <c r="L192" s="3" t="s">
        <v>33</v>
      </c>
      <c r="M192" s="3" t="s">
        <v>66</v>
      </c>
      <c r="N192" s="3" t="s">
        <v>51</v>
      </c>
      <c r="O192" s="3" t="s">
        <v>36</v>
      </c>
      <c r="P192" s="3" t="s">
        <v>37</v>
      </c>
      <c r="Q192" s="3" t="s">
        <v>37</v>
      </c>
      <c r="R192" s="3" t="s">
        <v>38</v>
      </c>
      <c r="S192" s="3" t="s">
        <v>1374</v>
      </c>
      <c r="T192" s="3" t="s">
        <v>37</v>
      </c>
      <c r="U192" s="3" t="s">
        <v>37</v>
      </c>
      <c r="V192" s="3" t="s">
        <v>37</v>
      </c>
    </row>
    <row r="193" spans="1:22" x14ac:dyDescent="0.25">
      <c r="A193" s="3" t="s">
        <v>913</v>
      </c>
      <c r="B193" s="4" t="s">
        <v>519</v>
      </c>
      <c r="C193" s="3" t="s">
        <v>520</v>
      </c>
      <c r="D193" s="5" t="s">
        <v>1091</v>
      </c>
      <c r="E193" s="3" t="s">
        <v>1284</v>
      </c>
      <c r="F193" s="3" t="s">
        <v>1375</v>
      </c>
      <c r="G193" s="3" t="s">
        <v>471</v>
      </c>
      <c r="H193" s="3" t="s">
        <v>78</v>
      </c>
      <c r="I193" s="3" t="s">
        <v>1376</v>
      </c>
      <c r="J193" s="3" t="s">
        <v>1377</v>
      </c>
      <c r="K193" s="3" t="s">
        <v>32</v>
      </c>
      <c r="L193" s="3" t="s">
        <v>33</v>
      </c>
      <c r="M193" s="3" t="s">
        <v>66</v>
      </c>
      <c r="N193" s="3" t="s">
        <v>370</v>
      </c>
      <c r="O193" s="3" t="s">
        <v>86</v>
      </c>
      <c r="P193" s="3" t="s">
        <v>37</v>
      </c>
      <c r="Q193" s="3" t="s">
        <v>37</v>
      </c>
      <c r="R193" s="3" t="s">
        <v>38</v>
      </c>
      <c r="S193" s="3" t="s">
        <v>1378</v>
      </c>
      <c r="T193" s="3" t="s">
        <v>37</v>
      </c>
      <c r="U193" s="3" t="s">
        <v>37</v>
      </c>
      <c r="V193" s="3" t="s">
        <v>37</v>
      </c>
    </row>
    <row r="194" spans="1:22" x14ac:dyDescent="0.25">
      <c r="A194" s="3" t="s">
        <v>913</v>
      </c>
      <c r="B194" s="4" t="s">
        <v>519</v>
      </c>
      <c r="C194" s="3" t="s">
        <v>520</v>
      </c>
      <c r="D194" s="5" t="s">
        <v>489</v>
      </c>
      <c r="E194" s="3" t="s">
        <v>936</v>
      </c>
      <c r="F194" s="3" t="s">
        <v>1379</v>
      </c>
      <c r="G194" s="3" t="s">
        <v>197</v>
      </c>
      <c r="H194" s="3" t="s">
        <v>64</v>
      </c>
      <c r="I194" s="3" t="s">
        <v>938</v>
      </c>
      <c r="J194" s="3" t="s">
        <v>1380</v>
      </c>
      <c r="K194" s="3" t="s">
        <v>32</v>
      </c>
      <c r="L194" s="3" t="s">
        <v>33</v>
      </c>
      <c r="M194" s="3" t="s">
        <v>940</v>
      </c>
      <c r="N194" s="3" t="s">
        <v>80</v>
      </c>
      <c r="O194" s="3" t="s">
        <v>152</v>
      </c>
      <c r="P194" s="3" t="s">
        <v>37</v>
      </c>
      <c r="Q194" s="3" t="s">
        <v>37</v>
      </c>
      <c r="R194" s="3" t="s">
        <v>38</v>
      </c>
      <c r="S194" s="3" t="s">
        <v>1381</v>
      </c>
      <c r="T194" s="3" t="s">
        <v>37</v>
      </c>
      <c r="U194" s="3" t="s">
        <v>37</v>
      </c>
      <c r="V194" s="3" t="s">
        <v>37</v>
      </c>
    </row>
    <row r="195" spans="1:22" x14ac:dyDescent="0.25">
      <c r="A195" s="3" t="s">
        <v>913</v>
      </c>
      <c r="B195" s="4" t="s">
        <v>519</v>
      </c>
      <c r="C195" s="3" t="s">
        <v>520</v>
      </c>
      <c r="D195" s="5" t="s">
        <v>1291</v>
      </c>
      <c r="E195" s="3" t="s">
        <v>936</v>
      </c>
      <c r="F195" s="3" t="s">
        <v>1214</v>
      </c>
      <c r="G195" s="3" t="s">
        <v>333</v>
      </c>
      <c r="H195" s="3" t="s">
        <v>64</v>
      </c>
      <c r="I195" s="3" t="s">
        <v>938</v>
      </c>
      <c r="J195" s="8" t="s">
        <v>1215</v>
      </c>
      <c r="K195" s="3" t="s">
        <v>32</v>
      </c>
      <c r="L195" s="3" t="s">
        <v>33</v>
      </c>
      <c r="M195" s="3" t="s">
        <v>940</v>
      </c>
      <c r="N195" s="3" t="s">
        <v>80</v>
      </c>
      <c r="O195" s="3" t="s">
        <v>152</v>
      </c>
      <c r="P195" s="3" t="s">
        <v>37</v>
      </c>
      <c r="Q195" s="3" t="s">
        <v>37</v>
      </c>
      <c r="R195" s="3" t="s">
        <v>38</v>
      </c>
      <c r="S195" s="3" t="s">
        <v>1216</v>
      </c>
      <c r="T195" s="3" t="s">
        <v>37</v>
      </c>
      <c r="U195" s="3" t="s">
        <v>37</v>
      </c>
      <c r="V195" s="3" t="s">
        <v>37</v>
      </c>
    </row>
    <row r="196" spans="1:22" x14ac:dyDescent="0.25">
      <c r="A196" s="3" t="s">
        <v>913</v>
      </c>
      <c r="B196" s="4" t="s">
        <v>519</v>
      </c>
      <c r="C196" s="3" t="s">
        <v>520</v>
      </c>
      <c r="D196" s="5" t="s">
        <v>1295</v>
      </c>
      <c r="E196" s="3" t="s">
        <v>936</v>
      </c>
      <c r="F196" s="3" t="s">
        <v>1382</v>
      </c>
      <c r="G196" s="3" t="s">
        <v>149</v>
      </c>
      <c r="H196" s="3" t="s">
        <v>64</v>
      </c>
      <c r="I196" s="3" t="s">
        <v>938</v>
      </c>
      <c r="J196" s="3" t="s">
        <v>1383</v>
      </c>
      <c r="K196" s="3" t="s">
        <v>32</v>
      </c>
      <c r="L196" s="3" t="s">
        <v>33</v>
      </c>
      <c r="M196" s="3" t="s">
        <v>940</v>
      </c>
      <c r="N196" s="3" t="s">
        <v>80</v>
      </c>
      <c r="O196" s="3" t="s">
        <v>152</v>
      </c>
      <c r="P196" s="3" t="s">
        <v>37</v>
      </c>
      <c r="Q196" s="3" t="s">
        <v>37</v>
      </c>
      <c r="R196" s="3" t="s">
        <v>38</v>
      </c>
      <c r="S196" s="3" t="s">
        <v>1384</v>
      </c>
      <c r="T196" s="3" t="s">
        <v>37</v>
      </c>
      <c r="U196" s="3" t="s">
        <v>37</v>
      </c>
      <c r="V196" s="3" t="s">
        <v>37</v>
      </c>
    </row>
    <row r="197" spans="1:22" x14ac:dyDescent="0.25">
      <c r="A197" s="3" t="s">
        <v>913</v>
      </c>
      <c r="B197" s="4" t="s">
        <v>519</v>
      </c>
      <c r="C197" s="3" t="s">
        <v>520</v>
      </c>
      <c r="D197" s="5" t="s">
        <v>1096</v>
      </c>
      <c r="E197" s="3" t="s">
        <v>961</v>
      </c>
      <c r="F197" s="3" t="s">
        <v>977</v>
      </c>
      <c r="G197" s="3" t="s">
        <v>1352</v>
      </c>
      <c r="H197" s="3" t="s">
        <v>78</v>
      </c>
      <c r="I197" s="3" t="s">
        <v>37</v>
      </c>
      <c r="J197" s="3" t="s">
        <v>1353</v>
      </c>
      <c r="K197" s="3" t="s">
        <v>32</v>
      </c>
      <c r="L197" s="3" t="s">
        <v>33</v>
      </c>
      <c r="M197" s="3" t="s">
        <v>66</v>
      </c>
      <c r="N197" s="3" t="s">
        <v>80</v>
      </c>
      <c r="O197" s="3" t="s">
        <v>86</v>
      </c>
      <c r="P197" s="3" t="s">
        <v>37</v>
      </c>
      <c r="Q197" s="3" t="s">
        <v>37</v>
      </c>
      <c r="R197" s="3" t="s">
        <v>38</v>
      </c>
      <c r="S197" s="3" t="s">
        <v>1354</v>
      </c>
      <c r="T197" s="3" t="s">
        <v>37</v>
      </c>
      <c r="U197" s="3" t="s">
        <v>37</v>
      </c>
      <c r="V197" s="3" t="s">
        <v>37</v>
      </c>
    </row>
    <row r="198" spans="1:22" x14ac:dyDescent="0.25">
      <c r="A198" s="3" t="s">
        <v>913</v>
      </c>
      <c r="B198" s="4" t="s">
        <v>519</v>
      </c>
      <c r="C198" s="3" t="s">
        <v>520</v>
      </c>
      <c r="D198" s="5" t="s">
        <v>219</v>
      </c>
      <c r="E198" s="3" t="s">
        <v>1051</v>
      </c>
      <c r="F198" s="3" t="s">
        <v>1355</v>
      </c>
      <c r="G198" s="3" t="s">
        <v>333</v>
      </c>
      <c r="H198" s="3" t="s">
        <v>29</v>
      </c>
      <c r="I198" s="3" t="s">
        <v>37</v>
      </c>
      <c r="J198" s="3" t="s">
        <v>1356</v>
      </c>
      <c r="K198" s="3" t="s">
        <v>32</v>
      </c>
      <c r="L198" s="3" t="s">
        <v>33</v>
      </c>
      <c r="M198" s="3" t="s">
        <v>66</v>
      </c>
      <c r="N198" s="3" t="s">
        <v>67</v>
      </c>
      <c r="O198" s="3" t="s">
        <v>86</v>
      </c>
      <c r="P198" s="3" t="s">
        <v>37</v>
      </c>
      <c r="Q198" s="3" t="s">
        <v>37</v>
      </c>
      <c r="R198" s="3" t="s">
        <v>38</v>
      </c>
      <c r="S198" s="3" t="s">
        <v>1357</v>
      </c>
      <c r="T198" s="3" t="s">
        <v>37</v>
      </c>
      <c r="U198" s="3" t="s">
        <v>37</v>
      </c>
      <c r="V198" s="3" t="s">
        <v>37</v>
      </c>
    </row>
    <row r="199" spans="1:22" x14ac:dyDescent="0.25">
      <c r="A199" s="3" t="s">
        <v>913</v>
      </c>
      <c r="B199" s="4" t="s">
        <v>519</v>
      </c>
      <c r="C199" s="3" t="s">
        <v>520</v>
      </c>
      <c r="D199" s="5" t="s">
        <v>1385</v>
      </c>
      <c r="E199" s="3" t="s">
        <v>925</v>
      </c>
      <c r="F199" s="3" t="s">
        <v>1359</v>
      </c>
      <c r="G199" s="3" t="s">
        <v>537</v>
      </c>
      <c r="H199" s="3" t="s">
        <v>64</v>
      </c>
      <c r="I199" s="3" t="s">
        <v>927</v>
      </c>
      <c r="J199" s="3" t="s">
        <v>1360</v>
      </c>
      <c r="K199" s="3" t="s">
        <v>32</v>
      </c>
      <c r="L199" s="3" t="s">
        <v>33</v>
      </c>
      <c r="M199" s="3" t="s">
        <v>34</v>
      </c>
      <c r="N199" s="3" t="s">
        <v>67</v>
      </c>
      <c r="O199" s="3" t="s">
        <v>119</v>
      </c>
      <c r="P199" s="3" t="s">
        <v>37</v>
      </c>
      <c r="Q199" s="3" t="s">
        <v>37</v>
      </c>
      <c r="R199" s="3" t="s">
        <v>38</v>
      </c>
      <c r="S199" s="3" t="s">
        <v>1361</v>
      </c>
      <c r="T199" s="3" t="s">
        <v>37</v>
      </c>
      <c r="U199" s="3" t="s">
        <v>37</v>
      </c>
      <c r="V199" s="3" t="s">
        <v>37</v>
      </c>
    </row>
    <row r="200" spans="1:22" x14ac:dyDescent="0.25">
      <c r="A200" s="3" t="s">
        <v>913</v>
      </c>
      <c r="B200" s="4" t="s">
        <v>519</v>
      </c>
      <c r="C200" s="3" t="s">
        <v>520</v>
      </c>
      <c r="D200" s="5" t="s">
        <v>378</v>
      </c>
      <c r="E200" s="3" t="s">
        <v>1051</v>
      </c>
      <c r="F200" s="3" t="s">
        <v>1362</v>
      </c>
      <c r="G200" s="3" t="s">
        <v>272</v>
      </c>
      <c r="H200" s="3" t="s">
        <v>29</v>
      </c>
      <c r="I200" s="3" t="s">
        <v>37</v>
      </c>
      <c r="J200" s="3" t="s">
        <v>1363</v>
      </c>
      <c r="K200" s="3" t="s">
        <v>32</v>
      </c>
      <c r="L200" s="3" t="s">
        <v>33</v>
      </c>
      <c r="M200" s="3" t="s">
        <v>66</v>
      </c>
      <c r="N200" s="3" t="s">
        <v>67</v>
      </c>
      <c r="O200" s="3" t="s">
        <v>86</v>
      </c>
      <c r="P200" s="3" t="s">
        <v>37</v>
      </c>
      <c r="Q200" s="3" t="s">
        <v>37</v>
      </c>
      <c r="R200" s="3" t="s">
        <v>38</v>
      </c>
      <c r="S200" s="3" t="s">
        <v>1364</v>
      </c>
      <c r="T200" s="3" t="s">
        <v>37</v>
      </c>
      <c r="U200" s="3" t="s">
        <v>37</v>
      </c>
      <c r="V200" s="3" t="s">
        <v>37</v>
      </c>
    </row>
    <row r="201" spans="1:22" x14ac:dyDescent="0.25">
      <c r="A201" s="3" t="s">
        <v>913</v>
      </c>
      <c r="B201" s="4" t="s">
        <v>519</v>
      </c>
      <c r="C201" s="3" t="s">
        <v>520</v>
      </c>
      <c r="D201" s="5" t="s">
        <v>228</v>
      </c>
      <c r="E201" s="3" t="s">
        <v>490</v>
      </c>
      <c r="F201" s="3" t="s">
        <v>1365</v>
      </c>
      <c r="G201" s="3" t="s">
        <v>900</v>
      </c>
      <c r="H201" s="3" t="s">
        <v>225</v>
      </c>
      <c r="I201" s="3" t="s">
        <v>37</v>
      </c>
      <c r="J201" s="3" t="s">
        <v>1366</v>
      </c>
      <c r="K201" s="3" t="s">
        <v>32</v>
      </c>
      <c r="L201" s="3" t="s">
        <v>33</v>
      </c>
      <c r="M201" s="3" t="s">
        <v>34</v>
      </c>
      <c r="N201" s="3" t="s">
        <v>80</v>
      </c>
      <c r="O201" s="3" t="s">
        <v>86</v>
      </c>
      <c r="P201" s="3" t="s">
        <v>37</v>
      </c>
      <c r="Q201" s="3" t="s">
        <v>37</v>
      </c>
      <c r="R201" s="3" t="s">
        <v>38</v>
      </c>
      <c r="S201" s="3" t="s">
        <v>1367</v>
      </c>
      <c r="T201" s="3" t="s">
        <v>37</v>
      </c>
      <c r="U201" s="3" t="s">
        <v>37</v>
      </c>
      <c r="V201" s="3" t="s">
        <v>37</v>
      </c>
    </row>
    <row r="202" spans="1:22" x14ac:dyDescent="0.25">
      <c r="A202" s="3" t="s">
        <v>913</v>
      </c>
      <c r="B202" s="4" t="s">
        <v>519</v>
      </c>
      <c r="C202" s="3" t="s">
        <v>520</v>
      </c>
      <c r="D202" s="5" t="s">
        <v>1103</v>
      </c>
      <c r="E202" s="3" t="s">
        <v>1081</v>
      </c>
      <c r="F202" s="3" t="s">
        <v>1368</v>
      </c>
      <c r="G202" s="3" t="s">
        <v>693</v>
      </c>
      <c r="H202" s="3" t="s">
        <v>78</v>
      </c>
      <c r="I202" s="3" t="s">
        <v>37</v>
      </c>
      <c r="J202" s="3" t="s">
        <v>1369</v>
      </c>
      <c r="K202" s="3" t="s">
        <v>32</v>
      </c>
      <c r="L202" s="3" t="s">
        <v>33</v>
      </c>
      <c r="M202" s="3" t="s">
        <v>66</v>
      </c>
      <c r="N202" s="3" t="s">
        <v>67</v>
      </c>
      <c r="O202" s="3" t="s">
        <v>52</v>
      </c>
      <c r="P202" s="3" t="s">
        <v>37</v>
      </c>
      <c r="Q202" s="3" t="s">
        <v>37</v>
      </c>
      <c r="R202" s="3" t="s">
        <v>38</v>
      </c>
      <c r="S202" s="3" t="s">
        <v>1370</v>
      </c>
      <c r="T202" s="3" t="s">
        <v>37</v>
      </c>
      <c r="U202" s="3" t="s">
        <v>37</v>
      </c>
      <c r="V202" s="3" t="s">
        <v>37</v>
      </c>
    </row>
    <row r="203" spans="1:22" x14ac:dyDescent="0.25">
      <c r="A203" s="3" t="s">
        <v>913</v>
      </c>
      <c r="B203" s="4" t="s">
        <v>519</v>
      </c>
      <c r="C203" s="3" t="s">
        <v>520</v>
      </c>
      <c r="D203" s="5" t="s">
        <v>238</v>
      </c>
      <c r="E203" s="3" t="s">
        <v>1086</v>
      </c>
      <c r="F203" s="3" t="s">
        <v>1371</v>
      </c>
      <c r="G203" s="3" t="s">
        <v>1372</v>
      </c>
      <c r="H203" s="3" t="s">
        <v>225</v>
      </c>
      <c r="I203" s="3" t="s">
        <v>407</v>
      </c>
      <c r="J203" s="3" t="s">
        <v>1373</v>
      </c>
      <c r="K203" s="3" t="s">
        <v>32</v>
      </c>
      <c r="L203" s="3" t="s">
        <v>33</v>
      </c>
      <c r="M203" s="3" t="s">
        <v>66</v>
      </c>
      <c r="N203" s="3" t="s">
        <v>51</v>
      </c>
      <c r="O203" s="3" t="s">
        <v>36</v>
      </c>
      <c r="P203" s="3" t="s">
        <v>37</v>
      </c>
      <c r="Q203" s="3" t="s">
        <v>37</v>
      </c>
      <c r="R203" s="3" t="s">
        <v>38</v>
      </c>
      <c r="S203" s="3" t="s">
        <v>1374</v>
      </c>
      <c r="T203" s="3" t="s">
        <v>37</v>
      </c>
      <c r="U203" s="3" t="s">
        <v>37</v>
      </c>
      <c r="V203" s="3" t="s">
        <v>37</v>
      </c>
    </row>
    <row r="204" spans="1:22" x14ac:dyDescent="0.25">
      <c r="A204" s="3" t="s">
        <v>913</v>
      </c>
      <c r="B204" s="4" t="s">
        <v>519</v>
      </c>
      <c r="C204" s="3" t="s">
        <v>520</v>
      </c>
      <c r="D204" s="5" t="s">
        <v>1110</v>
      </c>
      <c r="E204" s="3" t="s">
        <v>925</v>
      </c>
      <c r="F204" s="3" t="s">
        <v>1386</v>
      </c>
      <c r="G204" s="3" t="s">
        <v>291</v>
      </c>
      <c r="H204" s="3" t="s">
        <v>64</v>
      </c>
      <c r="I204" s="3" t="s">
        <v>927</v>
      </c>
      <c r="J204" s="3" t="s">
        <v>1387</v>
      </c>
      <c r="K204" s="3" t="s">
        <v>32</v>
      </c>
      <c r="L204" s="3" t="s">
        <v>33</v>
      </c>
      <c r="M204" s="3" t="s">
        <v>34</v>
      </c>
      <c r="N204" s="3" t="s">
        <v>67</v>
      </c>
      <c r="O204" s="3" t="s">
        <v>52</v>
      </c>
      <c r="P204" s="3" t="s">
        <v>37</v>
      </c>
      <c r="Q204" s="3" t="s">
        <v>37</v>
      </c>
      <c r="R204" s="3" t="s">
        <v>38</v>
      </c>
      <c r="S204" s="3" t="s">
        <v>1388</v>
      </c>
      <c r="T204" s="3" t="s">
        <v>37</v>
      </c>
      <c r="U204" s="3" t="s">
        <v>37</v>
      </c>
      <c r="V204" s="3" t="s">
        <v>37</v>
      </c>
    </row>
    <row r="205" spans="1:22" x14ac:dyDescent="0.25">
      <c r="A205" s="3"/>
      <c r="B205" s="4"/>
      <c r="C205" s="3"/>
      <c r="D205" s="5"/>
      <c r="E205" s="6" t="s">
        <v>1115</v>
      </c>
      <c r="F205" s="3"/>
      <c r="G205" s="3"/>
      <c r="H205" s="3"/>
      <c r="I205" s="3"/>
      <c r="J205" s="3"/>
      <c r="K205" s="3"/>
      <c r="L205" s="3"/>
      <c r="M205" s="3"/>
      <c r="N205" s="3"/>
      <c r="O205" s="3"/>
      <c r="P205" s="3"/>
      <c r="Q205" s="3"/>
      <c r="R205" s="3"/>
      <c r="S205" s="3"/>
      <c r="T205" s="3"/>
      <c r="U205" s="3" t="s">
        <v>37</v>
      </c>
      <c r="V205" s="3" t="s">
        <v>37</v>
      </c>
    </row>
    <row r="206" spans="1:22" x14ac:dyDescent="0.25">
      <c r="A206" s="3"/>
      <c r="B206" s="4"/>
      <c r="C206" s="3"/>
      <c r="D206" s="5"/>
      <c r="E206" s="3"/>
      <c r="F206" s="3"/>
      <c r="G206" s="3"/>
      <c r="H206" s="3"/>
      <c r="I206" s="3"/>
      <c r="J206" s="3"/>
      <c r="K206" s="3"/>
      <c r="L206" s="3"/>
      <c r="M206" s="3"/>
      <c r="N206" s="3"/>
      <c r="O206" s="3"/>
      <c r="P206" s="3"/>
      <c r="Q206" s="3"/>
      <c r="R206" s="3"/>
      <c r="S206" s="3"/>
      <c r="T206" s="3"/>
      <c r="U206" s="3" t="s">
        <v>37</v>
      </c>
      <c r="V206" s="3" t="s">
        <v>37</v>
      </c>
    </row>
    <row r="207" spans="1:22" x14ac:dyDescent="0.25">
      <c r="A207" s="3" t="s">
        <v>913</v>
      </c>
      <c r="B207" s="4" t="s">
        <v>629</v>
      </c>
      <c r="C207" s="3" t="s">
        <v>630</v>
      </c>
      <c r="D207" s="5" t="s">
        <v>25</v>
      </c>
      <c r="E207" s="3" t="s">
        <v>914</v>
      </c>
      <c r="F207" s="3" t="s">
        <v>1389</v>
      </c>
      <c r="G207" s="3" t="s">
        <v>216</v>
      </c>
      <c r="H207" s="3" t="s">
        <v>29</v>
      </c>
      <c r="I207" s="3" t="s">
        <v>1390</v>
      </c>
      <c r="J207" s="3" t="s">
        <v>1391</v>
      </c>
      <c r="K207" s="3" t="s">
        <v>32</v>
      </c>
      <c r="L207" s="3" t="s">
        <v>33</v>
      </c>
      <c r="M207" s="3" t="s">
        <v>66</v>
      </c>
      <c r="N207" s="3" t="s">
        <v>918</v>
      </c>
      <c r="O207" s="3" t="s">
        <v>86</v>
      </c>
      <c r="P207" s="3" t="s">
        <v>37</v>
      </c>
      <c r="Q207" s="3" t="s">
        <v>37</v>
      </c>
      <c r="R207" s="3" t="s">
        <v>38</v>
      </c>
      <c r="S207" s="3" t="s">
        <v>1392</v>
      </c>
      <c r="T207" s="3" t="s">
        <v>37</v>
      </c>
      <c r="U207" s="3"/>
      <c r="V207" s="3"/>
    </row>
    <row r="208" spans="1:22" x14ac:dyDescent="0.25">
      <c r="A208" s="3" t="s">
        <v>913</v>
      </c>
      <c r="B208" s="4" t="s">
        <v>629</v>
      </c>
      <c r="C208" s="3" t="s">
        <v>630</v>
      </c>
      <c r="D208" s="5" t="s">
        <v>920</v>
      </c>
      <c r="E208" s="3" t="s">
        <v>914</v>
      </c>
      <c r="F208" s="3" t="s">
        <v>1393</v>
      </c>
      <c r="G208" s="3" t="s">
        <v>354</v>
      </c>
      <c r="H208" s="3" t="s">
        <v>29</v>
      </c>
      <c r="I208" s="3" t="s">
        <v>1394</v>
      </c>
      <c r="J208" s="3" t="s">
        <v>1395</v>
      </c>
      <c r="K208" s="3" t="s">
        <v>32</v>
      </c>
      <c r="L208" s="3" t="s">
        <v>33</v>
      </c>
      <c r="M208" s="3" t="s">
        <v>66</v>
      </c>
      <c r="N208" s="3" t="s">
        <v>918</v>
      </c>
      <c r="O208" s="3" t="s">
        <v>86</v>
      </c>
      <c r="P208" s="3" t="s">
        <v>37</v>
      </c>
      <c r="Q208" s="3" t="s">
        <v>37</v>
      </c>
      <c r="R208" s="3" t="s">
        <v>38</v>
      </c>
      <c r="S208" s="3" t="s">
        <v>1396</v>
      </c>
      <c r="T208" s="3" t="s">
        <v>37</v>
      </c>
      <c r="U208" s="3"/>
      <c r="V208" s="3"/>
    </row>
    <row r="209" spans="1:22" x14ac:dyDescent="0.25">
      <c r="A209" s="3" t="s">
        <v>913</v>
      </c>
      <c r="B209" s="4" t="s">
        <v>629</v>
      </c>
      <c r="C209" s="3" t="s">
        <v>630</v>
      </c>
      <c r="D209" s="5" t="s">
        <v>45</v>
      </c>
      <c r="E209" s="3" t="s">
        <v>936</v>
      </c>
      <c r="F209" s="3" t="s">
        <v>1013</v>
      </c>
      <c r="G209" s="3" t="s">
        <v>340</v>
      </c>
      <c r="H209" s="3" t="s">
        <v>64</v>
      </c>
      <c r="I209" s="3" t="s">
        <v>938</v>
      </c>
      <c r="J209" s="3" t="s">
        <v>1014</v>
      </c>
      <c r="K209" s="3" t="s">
        <v>32</v>
      </c>
      <c r="L209" s="3" t="s">
        <v>33</v>
      </c>
      <c r="M209" s="3" t="s">
        <v>940</v>
      </c>
      <c r="N209" s="3" t="s">
        <v>80</v>
      </c>
      <c r="O209" s="3" t="s">
        <v>152</v>
      </c>
      <c r="P209" s="3" t="s">
        <v>37</v>
      </c>
      <c r="Q209" s="3" t="s">
        <v>37</v>
      </c>
      <c r="R209" s="3" t="s">
        <v>38</v>
      </c>
      <c r="S209" s="3" t="s">
        <v>1015</v>
      </c>
      <c r="T209" s="3" t="s">
        <v>37</v>
      </c>
      <c r="U209" s="3" t="s">
        <v>37</v>
      </c>
      <c r="V209" s="3" t="s">
        <v>37</v>
      </c>
    </row>
    <row r="210" spans="1:22" x14ac:dyDescent="0.25">
      <c r="A210" s="3" t="s">
        <v>913</v>
      </c>
      <c r="B210" s="4" t="s">
        <v>629</v>
      </c>
      <c r="C210" s="3" t="s">
        <v>630</v>
      </c>
      <c r="D210" s="5" t="s">
        <v>1212</v>
      </c>
      <c r="E210" s="3" t="s">
        <v>936</v>
      </c>
      <c r="F210" s="3" t="s">
        <v>1017</v>
      </c>
      <c r="G210" s="3" t="s">
        <v>344</v>
      </c>
      <c r="H210" s="3" t="s">
        <v>64</v>
      </c>
      <c r="I210" s="3" t="s">
        <v>938</v>
      </c>
      <c r="J210" s="3" t="s">
        <v>1018</v>
      </c>
      <c r="K210" s="3" t="s">
        <v>32</v>
      </c>
      <c r="L210" s="3" t="s">
        <v>33</v>
      </c>
      <c r="M210" s="3" t="s">
        <v>940</v>
      </c>
      <c r="N210" s="3" t="s">
        <v>80</v>
      </c>
      <c r="O210" s="3" t="s">
        <v>152</v>
      </c>
      <c r="P210" s="3" t="s">
        <v>37</v>
      </c>
      <c r="Q210" s="3" t="s">
        <v>37</v>
      </c>
      <c r="R210" s="3" t="s">
        <v>38</v>
      </c>
      <c r="S210" s="3" t="s">
        <v>1019</v>
      </c>
      <c r="T210" s="3" t="s">
        <v>37</v>
      </c>
      <c r="U210" s="3" t="s">
        <v>37</v>
      </c>
      <c r="V210" s="3" t="s">
        <v>37</v>
      </c>
    </row>
    <row r="211" spans="1:22" x14ac:dyDescent="0.25">
      <c r="A211" s="3" t="s">
        <v>913</v>
      </c>
      <c r="B211" s="4" t="s">
        <v>629</v>
      </c>
      <c r="C211" s="3" t="s">
        <v>630</v>
      </c>
      <c r="D211" s="5" t="s">
        <v>1213</v>
      </c>
      <c r="E211" s="3" t="s">
        <v>936</v>
      </c>
      <c r="F211" s="3" t="s">
        <v>1020</v>
      </c>
      <c r="G211" s="3" t="s">
        <v>568</v>
      </c>
      <c r="H211" s="3" t="s">
        <v>64</v>
      </c>
      <c r="I211" s="3" t="s">
        <v>951</v>
      </c>
      <c r="J211" s="3" t="s">
        <v>1021</v>
      </c>
      <c r="K211" s="3" t="s">
        <v>32</v>
      </c>
      <c r="L211" s="3" t="s">
        <v>33</v>
      </c>
      <c r="M211" s="3" t="s">
        <v>940</v>
      </c>
      <c r="N211" s="3" t="s">
        <v>80</v>
      </c>
      <c r="O211" s="3" t="s">
        <v>152</v>
      </c>
      <c r="P211" s="3" t="s">
        <v>37</v>
      </c>
      <c r="Q211" s="3" t="s">
        <v>37</v>
      </c>
      <c r="R211" s="3" t="s">
        <v>38</v>
      </c>
      <c r="S211" s="3" t="s">
        <v>1022</v>
      </c>
      <c r="T211" s="3" t="s">
        <v>37</v>
      </c>
      <c r="U211" s="3" t="s">
        <v>37</v>
      </c>
      <c r="V211" s="3" t="s">
        <v>37</v>
      </c>
    </row>
    <row r="212" spans="1:22" x14ac:dyDescent="0.25">
      <c r="A212" s="3" t="s">
        <v>913</v>
      </c>
      <c r="B212" s="4" t="s">
        <v>629</v>
      </c>
      <c r="C212" s="3" t="s">
        <v>630</v>
      </c>
      <c r="D212" s="5" t="s">
        <v>930</v>
      </c>
      <c r="E212" s="3" t="s">
        <v>936</v>
      </c>
      <c r="F212" s="3" t="s">
        <v>1397</v>
      </c>
      <c r="G212" s="3" t="s">
        <v>291</v>
      </c>
      <c r="H212" s="3" t="s">
        <v>64</v>
      </c>
      <c r="I212" s="3" t="s">
        <v>938</v>
      </c>
      <c r="J212" s="3" t="s">
        <v>1398</v>
      </c>
      <c r="K212" s="3" t="s">
        <v>32</v>
      </c>
      <c r="L212" s="3" t="s">
        <v>33</v>
      </c>
      <c r="M212" s="3" t="s">
        <v>940</v>
      </c>
      <c r="N212" s="3" t="s">
        <v>80</v>
      </c>
      <c r="O212" s="3" t="s">
        <v>152</v>
      </c>
      <c r="P212" s="3" t="s">
        <v>37</v>
      </c>
      <c r="Q212" s="3" t="s">
        <v>37</v>
      </c>
      <c r="R212" s="3" t="s">
        <v>38</v>
      </c>
      <c r="S212" s="3" t="s">
        <v>1399</v>
      </c>
      <c r="T212" s="3" t="s">
        <v>37</v>
      </c>
      <c r="U212" s="3" t="s">
        <v>37</v>
      </c>
      <c r="V212" s="3" t="s">
        <v>37</v>
      </c>
    </row>
    <row r="213" spans="1:22" x14ac:dyDescent="0.25">
      <c r="A213" s="3" t="s">
        <v>913</v>
      </c>
      <c r="B213" s="4" t="s">
        <v>629</v>
      </c>
      <c r="C213" s="3" t="s">
        <v>630</v>
      </c>
      <c r="D213" s="5" t="s">
        <v>1217</v>
      </c>
      <c r="E213" s="3" t="s">
        <v>936</v>
      </c>
      <c r="F213" s="3" t="s">
        <v>1382</v>
      </c>
      <c r="G213" s="3" t="s">
        <v>149</v>
      </c>
      <c r="H213" s="3" t="s">
        <v>64</v>
      </c>
      <c r="I213" s="3" t="s">
        <v>938</v>
      </c>
      <c r="J213" s="3" t="s">
        <v>1383</v>
      </c>
      <c r="K213" s="3" t="s">
        <v>32</v>
      </c>
      <c r="L213" s="3" t="s">
        <v>33</v>
      </c>
      <c r="M213" s="3" t="s">
        <v>940</v>
      </c>
      <c r="N213" s="3" t="s">
        <v>80</v>
      </c>
      <c r="O213" s="3" t="s">
        <v>152</v>
      </c>
      <c r="P213" s="3" t="s">
        <v>37</v>
      </c>
      <c r="Q213" s="3" t="s">
        <v>37</v>
      </c>
      <c r="R213" s="3" t="s">
        <v>38</v>
      </c>
      <c r="S213" s="3" t="s">
        <v>1384</v>
      </c>
      <c r="T213" s="3" t="s">
        <v>37</v>
      </c>
      <c r="U213" s="3" t="s">
        <v>37</v>
      </c>
      <c r="V213" s="3" t="s">
        <v>37</v>
      </c>
    </row>
    <row r="214" spans="1:22" x14ac:dyDescent="0.25">
      <c r="A214" s="3" t="s">
        <v>913</v>
      </c>
      <c r="B214" s="4" t="s">
        <v>629</v>
      </c>
      <c r="C214" s="3" t="s">
        <v>630</v>
      </c>
      <c r="D214" s="5" t="s">
        <v>1221</v>
      </c>
      <c r="E214" s="3" t="s">
        <v>936</v>
      </c>
      <c r="F214" s="3" t="s">
        <v>1214</v>
      </c>
      <c r="G214" s="3" t="s">
        <v>333</v>
      </c>
      <c r="H214" s="3" t="s">
        <v>64</v>
      </c>
      <c r="I214" s="3" t="s">
        <v>938</v>
      </c>
      <c r="J214" s="8" t="s">
        <v>1215</v>
      </c>
      <c r="K214" s="3" t="s">
        <v>32</v>
      </c>
      <c r="L214" s="3" t="s">
        <v>33</v>
      </c>
      <c r="M214" s="3" t="s">
        <v>940</v>
      </c>
      <c r="N214" s="3" t="s">
        <v>80</v>
      </c>
      <c r="O214" s="3" t="s">
        <v>152</v>
      </c>
      <c r="P214" s="3" t="s">
        <v>37</v>
      </c>
      <c r="Q214" s="3" t="s">
        <v>37</v>
      </c>
      <c r="R214" s="3" t="s">
        <v>38</v>
      </c>
      <c r="S214" s="3" t="s">
        <v>1216</v>
      </c>
      <c r="T214" s="3" t="s">
        <v>37</v>
      </c>
      <c r="U214" s="3" t="s">
        <v>37</v>
      </c>
      <c r="V214" s="3" t="s">
        <v>37</v>
      </c>
    </row>
    <row r="215" spans="1:22" x14ac:dyDescent="0.25">
      <c r="A215" s="3" t="s">
        <v>913</v>
      </c>
      <c r="B215" s="4" t="s">
        <v>629</v>
      </c>
      <c r="C215" s="3" t="s">
        <v>630</v>
      </c>
      <c r="D215" s="5" t="s">
        <v>935</v>
      </c>
      <c r="E215" s="3" t="s">
        <v>490</v>
      </c>
      <c r="F215" s="3" t="s">
        <v>1400</v>
      </c>
      <c r="G215" s="3" t="s">
        <v>344</v>
      </c>
      <c r="H215" s="3" t="s">
        <v>64</v>
      </c>
      <c r="I215" s="3" t="s">
        <v>1401</v>
      </c>
      <c r="J215" s="3" t="s">
        <v>1402</v>
      </c>
      <c r="K215" s="3" t="s">
        <v>32</v>
      </c>
      <c r="L215" s="3" t="s">
        <v>494</v>
      </c>
      <c r="M215" s="3" t="s">
        <v>34</v>
      </c>
      <c r="N215" s="3" t="s">
        <v>35</v>
      </c>
      <c r="O215" s="3" t="s">
        <v>86</v>
      </c>
      <c r="P215" s="3" t="s">
        <v>37</v>
      </c>
      <c r="Q215" s="3" t="s">
        <v>37</v>
      </c>
      <c r="R215" s="3" t="s">
        <v>38</v>
      </c>
      <c r="S215" s="3" t="s">
        <v>1403</v>
      </c>
      <c r="T215" s="3" t="s">
        <v>37</v>
      </c>
      <c r="U215" s="3" t="s">
        <v>37</v>
      </c>
      <c r="V215" s="3" t="s">
        <v>37</v>
      </c>
    </row>
    <row r="216" spans="1:22" x14ac:dyDescent="0.25">
      <c r="A216" s="3" t="s">
        <v>913</v>
      </c>
      <c r="B216" s="4" t="s">
        <v>629</v>
      </c>
      <c r="C216" s="3" t="s">
        <v>630</v>
      </c>
      <c r="D216" s="5" t="s">
        <v>949</v>
      </c>
      <c r="E216" s="3" t="s">
        <v>490</v>
      </c>
      <c r="F216" s="3" t="s">
        <v>1404</v>
      </c>
      <c r="G216" s="3" t="s">
        <v>512</v>
      </c>
      <c r="H216" s="3" t="s">
        <v>78</v>
      </c>
      <c r="I216" s="3" t="s">
        <v>1112</v>
      </c>
      <c r="J216" s="3" t="s">
        <v>1405</v>
      </c>
      <c r="K216" s="3" t="s">
        <v>32</v>
      </c>
      <c r="L216" s="3" t="s">
        <v>33</v>
      </c>
      <c r="M216" s="3" t="s">
        <v>34</v>
      </c>
      <c r="N216" s="3" t="s">
        <v>80</v>
      </c>
      <c r="O216" s="3" t="s">
        <v>86</v>
      </c>
      <c r="P216" s="3" t="s">
        <v>37</v>
      </c>
      <c r="Q216" s="3" t="s">
        <v>37</v>
      </c>
      <c r="R216" s="3" t="s">
        <v>38</v>
      </c>
      <c r="S216" s="3" t="s">
        <v>1406</v>
      </c>
      <c r="T216" s="3" t="s">
        <v>37</v>
      </c>
      <c r="U216" s="3" t="s">
        <v>37</v>
      </c>
      <c r="V216" s="3" t="s">
        <v>37</v>
      </c>
    </row>
    <row r="217" spans="1:22" x14ac:dyDescent="0.25">
      <c r="A217" s="3" t="s">
        <v>913</v>
      </c>
      <c r="B217" s="4" t="s">
        <v>629</v>
      </c>
      <c r="C217" s="3" t="s">
        <v>630</v>
      </c>
      <c r="D217" s="5" t="s">
        <v>636</v>
      </c>
      <c r="E217" s="3" t="s">
        <v>1407</v>
      </c>
      <c r="F217" s="3" t="s">
        <v>37</v>
      </c>
      <c r="G217" s="3">
        <v>1</v>
      </c>
      <c r="H217" s="3">
        <v>0</v>
      </c>
      <c r="I217" s="3" t="s">
        <v>1408</v>
      </c>
      <c r="J217" s="3" t="s">
        <v>1409</v>
      </c>
      <c r="K217" s="3" t="s">
        <v>409</v>
      </c>
      <c r="L217" s="3" t="s">
        <v>33</v>
      </c>
      <c r="M217" s="3" t="s">
        <v>66</v>
      </c>
      <c r="N217" s="3" t="s">
        <v>370</v>
      </c>
      <c r="O217" s="3" t="s">
        <v>911</v>
      </c>
      <c r="P217" s="3" t="s">
        <v>37</v>
      </c>
      <c r="Q217" s="3" t="s">
        <v>37</v>
      </c>
      <c r="R217" s="3" t="s">
        <v>38</v>
      </c>
      <c r="S217" s="3" t="s">
        <v>1410</v>
      </c>
      <c r="T217" s="3" t="s">
        <v>37</v>
      </c>
      <c r="U217" s="3" t="s">
        <v>37</v>
      </c>
      <c r="V217" s="3" t="s">
        <v>37</v>
      </c>
    </row>
    <row r="218" spans="1:22" x14ac:dyDescent="0.25">
      <c r="A218" s="3" t="s">
        <v>913</v>
      </c>
      <c r="B218" s="4" t="s">
        <v>629</v>
      </c>
      <c r="C218" s="3" t="s">
        <v>630</v>
      </c>
      <c r="D218" s="5" t="s">
        <v>971</v>
      </c>
      <c r="E218" s="3" t="s">
        <v>931</v>
      </c>
      <c r="F218" s="3" t="s">
        <v>1411</v>
      </c>
      <c r="G218" s="3" t="s">
        <v>78</v>
      </c>
      <c r="H218" s="3" t="s">
        <v>64</v>
      </c>
      <c r="I218" s="3" t="s">
        <v>37</v>
      </c>
      <c r="J218" s="3" t="s">
        <v>1412</v>
      </c>
      <c r="K218" s="3" t="s">
        <v>32</v>
      </c>
      <c r="L218" s="3" t="s">
        <v>33</v>
      </c>
      <c r="M218" s="3" t="s">
        <v>66</v>
      </c>
      <c r="N218" s="3" t="s">
        <v>67</v>
      </c>
      <c r="O218" s="3" t="s">
        <v>52</v>
      </c>
      <c r="P218" s="3" t="s">
        <v>37</v>
      </c>
      <c r="Q218" s="3" t="s">
        <v>37</v>
      </c>
      <c r="R218" s="3" t="s">
        <v>38</v>
      </c>
      <c r="S218" s="3" t="s">
        <v>1413</v>
      </c>
      <c r="T218" s="3" t="s">
        <v>37</v>
      </c>
      <c r="U218" s="3" t="s">
        <v>37</v>
      </c>
      <c r="V218" s="3" t="s">
        <v>37</v>
      </c>
    </row>
    <row r="219" spans="1:22" x14ac:dyDescent="0.25">
      <c r="A219" s="3" t="s">
        <v>913</v>
      </c>
      <c r="B219" s="4" t="s">
        <v>629</v>
      </c>
      <c r="C219" s="3" t="s">
        <v>630</v>
      </c>
      <c r="D219" s="5" t="s">
        <v>976</v>
      </c>
      <c r="E219" s="3" t="s">
        <v>931</v>
      </c>
      <c r="F219" s="3" t="s">
        <v>1414</v>
      </c>
      <c r="G219" s="3" t="s">
        <v>182</v>
      </c>
      <c r="H219" s="3" t="s">
        <v>64</v>
      </c>
      <c r="I219" s="3" t="s">
        <v>37</v>
      </c>
      <c r="J219" s="3" t="s">
        <v>1415</v>
      </c>
      <c r="K219" s="3" t="s">
        <v>32</v>
      </c>
      <c r="L219" s="3" t="s">
        <v>33</v>
      </c>
      <c r="M219" s="3" t="s">
        <v>66</v>
      </c>
      <c r="N219" s="3" t="s">
        <v>67</v>
      </c>
      <c r="O219" s="3" t="s">
        <v>52</v>
      </c>
      <c r="P219" s="3" t="s">
        <v>37</v>
      </c>
      <c r="Q219" s="3" t="s">
        <v>37</v>
      </c>
      <c r="R219" s="3" t="s">
        <v>38</v>
      </c>
      <c r="S219" s="3" t="s">
        <v>1416</v>
      </c>
      <c r="T219" s="3" t="s">
        <v>37</v>
      </c>
      <c r="U219" s="3" t="s">
        <v>37</v>
      </c>
      <c r="V219" s="3" t="s">
        <v>37</v>
      </c>
    </row>
    <row r="220" spans="1:22" x14ac:dyDescent="0.25">
      <c r="A220" s="3" t="s">
        <v>913</v>
      </c>
      <c r="B220" s="4" t="s">
        <v>629</v>
      </c>
      <c r="C220" s="3" t="s">
        <v>630</v>
      </c>
      <c r="D220" s="5" t="s">
        <v>980</v>
      </c>
      <c r="E220" s="3" t="s">
        <v>931</v>
      </c>
      <c r="F220" s="3" t="s">
        <v>1417</v>
      </c>
      <c r="G220" s="3" t="s">
        <v>291</v>
      </c>
      <c r="H220" s="3" t="s">
        <v>64</v>
      </c>
      <c r="I220" s="3" t="s">
        <v>37</v>
      </c>
      <c r="J220" s="7" t="s">
        <v>1418</v>
      </c>
      <c r="K220" s="3" t="s">
        <v>32</v>
      </c>
      <c r="L220" s="3" t="s">
        <v>33</v>
      </c>
      <c r="M220" s="3" t="s">
        <v>66</v>
      </c>
      <c r="N220" s="3" t="s">
        <v>67</v>
      </c>
      <c r="O220" s="3" t="s">
        <v>52</v>
      </c>
      <c r="P220" s="3" t="s">
        <v>37</v>
      </c>
      <c r="Q220" s="3" t="s">
        <v>37</v>
      </c>
      <c r="R220" s="3" t="s">
        <v>38</v>
      </c>
      <c r="S220" s="3" t="s">
        <v>1419</v>
      </c>
      <c r="T220" s="3" t="s">
        <v>37</v>
      </c>
      <c r="U220" s="3" t="s">
        <v>37</v>
      </c>
      <c r="V220" s="3" t="s">
        <v>37</v>
      </c>
    </row>
    <row r="221" spans="1:22" x14ac:dyDescent="0.25">
      <c r="A221" s="3" t="s">
        <v>913</v>
      </c>
      <c r="B221" s="4" t="s">
        <v>629</v>
      </c>
      <c r="C221" s="3" t="s">
        <v>630</v>
      </c>
      <c r="D221" s="5" t="s">
        <v>986</v>
      </c>
      <c r="E221" s="3" t="s">
        <v>931</v>
      </c>
      <c r="F221" s="3" t="s">
        <v>1420</v>
      </c>
      <c r="G221" s="3" t="s">
        <v>344</v>
      </c>
      <c r="H221" s="3" t="s">
        <v>64</v>
      </c>
      <c r="I221" s="3" t="s">
        <v>37</v>
      </c>
      <c r="J221" s="3" t="s">
        <v>1421</v>
      </c>
      <c r="K221" s="3" t="s">
        <v>32</v>
      </c>
      <c r="L221" s="3" t="s">
        <v>33</v>
      </c>
      <c r="M221" s="3" t="s">
        <v>66</v>
      </c>
      <c r="N221" s="3" t="s">
        <v>67</v>
      </c>
      <c r="O221" s="3" t="s">
        <v>52</v>
      </c>
      <c r="P221" s="3" t="s">
        <v>37</v>
      </c>
      <c r="Q221" s="3" t="s">
        <v>37</v>
      </c>
      <c r="R221" s="3" t="s">
        <v>38</v>
      </c>
      <c r="S221" s="3" t="s">
        <v>1422</v>
      </c>
      <c r="T221" s="3" t="s">
        <v>37</v>
      </c>
      <c r="U221" s="3" t="s">
        <v>37</v>
      </c>
      <c r="V221" s="3" t="s">
        <v>37</v>
      </c>
    </row>
    <row r="222" spans="1:22" x14ac:dyDescent="0.25">
      <c r="A222" s="3" t="s">
        <v>913</v>
      </c>
      <c r="B222" s="4" t="s">
        <v>629</v>
      </c>
      <c r="C222" s="3" t="s">
        <v>630</v>
      </c>
      <c r="D222" s="5" t="s">
        <v>990</v>
      </c>
      <c r="E222" s="3" t="s">
        <v>490</v>
      </c>
      <c r="F222" s="3" t="s">
        <v>1423</v>
      </c>
      <c r="G222" s="3" t="s">
        <v>439</v>
      </c>
      <c r="H222" s="3" t="s">
        <v>64</v>
      </c>
      <c r="I222" s="3" t="s">
        <v>498</v>
      </c>
      <c r="J222" s="3" t="s">
        <v>1424</v>
      </c>
      <c r="K222" s="3" t="s">
        <v>32</v>
      </c>
      <c r="L222" s="3" t="s">
        <v>494</v>
      </c>
      <c r="M222" s="3" t="s">
        <v>34</v>
      </c>
      <c r="N222" s="3" t="s">
        <v>35</v>
      </c>
      <c r="O222" s="3" t="s">
        <v>86</v>
      </c>
      <c r="P222" s="3" t="s">
        <v>37</v>
      </c>
      <c r="Q222" s="3" t="s">
        <v>37</v>
      </c>
      <c r="R222" s="3" t="s">
        <v>38</v>
      </c>
      <c r="S222" s="3" t="s">
        <v>1425</v>
      </c>
      <c r="T222" s="3" t="s">
        <v>37</v>
      </c>
      <c r="U222" s="3" t="s">
        <v>37</v>
      </c>
      <c r="V222" s="3" t="s">
        <v>37</v>
      </c>
    </row>
    <row r="223" spans="1:22" x14ac:dyDescent="0.25">
      <c r="A223" s="3" t="s">
        <v>913</v>
      </c>
      <c r="B223" s="4" t="s">
        <v>629</v>
      </c>
      <c r="C223" s="3" t="s">
        <v>630</v>
      </c>
      <c r="D223" s="5" t="s">
        <v>447</v>
      </c>
      <c r="E223" s="3" t="s">
        <v>490</v>
      </c>
      <c r="F223" s="3" t="s">
        <v>1426</v>
      </c>
      <c r="G223" s="3" t="s">
        <v>444</v>
      </c>
      <c r="H223" s="3" t="s">
        <v>64</v>
      </c>
      <c r="I223" s="3" t="s">
        <v>1427</v>
      </c>
      <c r="J223" s="3" t="s">
        <v>1428</v>
      </c>
      <c r="K223" s="3" t="s">
        <v>32</v>
      </c>
      <c r="L223" s="3" t="s">
        <v>494</v>
      </c>
      <c r="M223" s="3" t="s">
        <v>34</v>
      </c>
      <c r="N223" s="3" t="s">
        <v>35</v>
      </c>
      <c r="O223" s="3" t="s">
        <v>86</v>
      </c>
      <c r="P223" s="3" t="s">
        <v>37</v>
      </c>
      <c r="Q223" s="3" t="s">
        <v>37</v>
      </c>
      <c r="R223" s="3" t="s">
        <v>38</v>
      </c>
      <c r="S223" s="3" t="s">
        <v>1429</v>
      </c>
      <c r="T223" s="3" t="s">
        <v>37</v>
      </c>
      <c r="U223" s="3" t="s">
        <v>37</v>
      </c>
      <c r="V223" s="3" t="s">
        <v>37</v>
      </c>
    </row>
    <row r="224" spans="1:22" x14ac:dyDescent="0.25">
      <c r="A224" s="3" t="s">
        <v>913</v>
      </c>
      <c r="B224" s="4" t="s">
        <v>629</v>
      </c>
      <c r="C224" s="3" t="s">
        <v>630</v>
      </c>
      <c r="D224" s="5" t="s">
        <v>122</v>
      </c>
      <c r="E224" s="3" t="s">
        <v>490</v>
      </c>
      <c r="F224" s="3" t="s">
        <v>1430</v>
      </c>
      <c r="G224" s="3" t="s">
        <v>28</v>
      </c>
      <c r="H224" s="3" t="s">
        <v>29</v>
      </c>
      <c r="I224" s="3" t="s">
        <v>1112</v>
      </c>
      <c r="J224" s="3" t="s">
        <v>1431</v>
      </c>
      <c r="K224" s="3" t="s">
        <v>32</v>
      </c>
      <c r="L224" s="3" t="s">
        <v>37</v>
      </c>
      <c r="M224" s="3" t="s">
        <v>34</v>
      </c>
      <c r="N224" s="3" t="s">
        <v>137</v>
      </c>
      <c r="O224" s="3" t="s">
        <v>86</v>
      </c>
      <c r="P224" s="3" t="s">
        <v>37</v>
      </c>
      <c r="Q224" s="3" t="s">
        <v>37</v>
      </c>
      <c r="R224" s="3" t="s">
        <v>38</v>
      </c>
      <c r="S224" s="3" t="s">
        <v>1432</v>
      </c>
      <c r="T224" s="3" t="s">
        <v>37</v>
      </c>
      <c r="U224" s="3" t="s">
        <v>37</v>
      </c>
      <c r="V224" s="3" t="s">
        <v>37</v>
      </c>
    </row>
    <row r="225" spans="1:22" x14ac:dyDescent="0.25">
      <c r="A225" s="3" t="s">
        <v>913</v>
      </c>
      <c r="B225" s="4" t="s">
        <v>629</v>
      </c>
      <c r="C225" s="3" t="s">
        <v>630</v>
      </c>
      <c r="D225" s="5" t="s">
        <v>319</v>
      </c>
      <c r="E225" s="3" t="s">
        <v>490</v>
      </c>
      <c r="F225" s="3" t="s">
        <v>1433</v>
      </c>
      <c r="G225" s="3" t="s">
        <v>149</v>
      </c>
      <c r="H225" s="3" t="s">
        <v>29</v>
      </c>
      <c r="I225" s="3" t="s">
        <v>1112</v>
      </c>
      <c r="J225" s="3" t="s">
        <v>1434</v>
      </c>
      <c r="K225" s="3" t="s">
        <v>32</v>
      </c>
      <c r="L225" s="3" t="s">
        <v>37</v>
      </c>
      <c r="M225" s="3" t="s">
        <v>34</v>
      </c>
      <c r="N225" s="3" t="s">
        <v>137</v>
      </c>
      <c r="O225" s="3" t="s">
        <v>86</v>
      </c>
      <c r="P225" s="3" t="s">
        <v>37</v>
      </c>
      <c r="Q225" s="3" t="s">
        <v>37</v>
      </c>
      <c r="R225" s="3" t="s">
        <v>38</v>
      </c>
      <c r="S225" s="3" t="s">
        <v>1435</v>
      </c>
      <c r="T225" s="3" t="s">
        <v>37</v>
      </c>
      <c r="U225" s="3" t="s">
        <v>37</v>
      </c>
      <c r="V225" s="3" t="s">
        <v>37</v>
      </c>
    </row>
    <row r="226" spans="1:22" x14ac:dyDescent="0.25">
      <c r="A226" s="3" t="s">
        <v>913</v>
      </c>
      <c r="B226" s="4" t="s">
        <v>629</v>
      </c>
      <c r="C226" s="3" t="s">
        <v>630</v>
      </c>
      <c r="D226" s="5" t="s">
        <v>131</v>
      </c>
      <c r="E226" s="3" t="s">
        <v>936</v>
      </c>
      <c r="F226" s="3" t="s">
        <v>1048</v>
      </c>
      <c r="G226" s="3" t="s">
        <v>734</v>
      </c>
      <c r="H226" s="3" t="s">
        <v>64</v>
      </c>
      <c r="I226" s="3" t="s">
        <v>938</v>
      </c>
      <c r="J226" s="3" t="s">
        <v>1049</v>
      </c>
      <c r="K226" s="3" t="s">
        <v>32</v>
      </c>
      <c r="L226" s="3" t="s">
        <v>33</v>
      </c>
      <c r="M226" s="3" t="s">
        <v>940</v>
      </c>
      <c r="N226" s="3" t="s">
        <v>80</v>
      </c>
      <c r="O226" s="3" t="s">
        <v>152</v>
      </c>
      <c r="P226" s="3" t="s">
        <v>37</v>
      </c>
      <c r="Q226" s="3" t="s">
        <v>37</v>
      </c>
      <c r="R226" s="3" t="s">
        <v>38</v>
      </c>
      <c r="S226" s="3" t="s">
        <v>1050</v>
      </c>
      <c r="T226" s="3" t="s">
        <v>37</v>
      </c>
      <c r="U226" s="3" t="s">
        <v>37</v>
      </c>
      <c r="V226" s="3" t="s">
        <v>37</v>
      </c>
    </row>
    <row r="227" spans="1:22" x14ac:dyDescent="0.25">
      <c r="A227" s="3" t="s">
        <v>913</v>
      </c>
      <c r="B227" s="4" t="s">
        <v>629</v>
      </c>
      <c r="C227" s="3" t="s">
        <v>630</v>
      </c>
      <c r="D227" s="5" t="s">
        <v>656</v>
      </c>
      <c r="E227" s="3" t="s">
        <v>936</v>
      </c>
      <c r="F227" s="3" t="s">
        <v>1436</v>
      </c>
      <c r="G227" s="3" t="s">
        <v>741</v>
      </c>
      <c r="H227" s="3" t="s">
        <v>64</v>
      </c>
      <c r="I227" s="3" t="s">
        <v>951</v>
      </c>
      <c r="J227" s="3" t="s">
        <v>1437</v>
      </c>
      <c r="K227" s="3" t="s">
        <v>32</v>
      </c>
      <c r="L227" s="3" t="s">
        <v>33</v>
      </c>
      <c r="M227" s="3" t="s">
        <v>940</v>
      </c>
      <c r="N227" s="3" t="s">
        <v>80</v>
      </c>
      <c r="O227" s="3" t="s">
        <v>152</v>
      </c>
      <c r="P227" s="3" t="s">
        <v>37</v>
      </c>
      <c r="Q227" s="3" t="s">
        <v>37</v>
      </c>
      <c r="R227" s="3" t="s">
        <v>38</v>
      </c>
      <c r="S227" s="3" t="s">
        <v>1438</v>
      </c>
      <c r="T227" s="3" t="s">
        <v>37</v>
      </c>
      <c r="U227" s="3" t="s">
        <v>37</v>
      </c>
      <c r="V227" s="3" t="s">
        <v>37</v>
      </c>
    </row>
    <row r="228" spans="1:22" x14ac:dyDescent="0.25">
      <c r="A228" s="3" t="s">
        <v>913</v>
      </c>
      <c r="B228" s="4" t="s">
        <v>629</v>
      </c>
      <c r="C228" s="3" t="s">
        <v>630</v>
      </c>
      <c r="D228" s="5" t="s">
        <v>1037</v>
      </c>
      <c r="E228" s="3" t="s">
        <v>936</v>
      </c>
      <c r="F228" s="3" t="s">
        <v>937</v>
      </c>
      <c r="G228" s="3" t="s">
        <v>704</v>
      </c>
      <c r="H228" s="3" t="s">
        <v>64</v>
      </c>
      <c r="I228" s="3" t="s">
        <v>938</v>
      </c>
      <c r="J228" s="3" t="s">
        <v>939</v>
      </c>
      <c r="K228" s="3" t="s">
        <v>32</v>
      </c>
      <c r="L228" s="3" t="s">
        <v>33</v>
      </c>
      <c r="M228" s="3" t="s">
        <v>940</v>
      </c>
      <c r="N228" s="3" t="s">
        <v>80</v>
      </c>
      <c r="O228" s="3" t="s">
        <v>152</v>
      </c>
      <c r="P228" s="3" t="s">
        <v>37</v>
      </c>
      <c r="Q228" s="3" t="s">
        <v>37</v>
      </c>
      <c r="R228" s="3" t="s">
        <v>38</v>
      </c>
      <c r="S228" s="3" t="s">
        <v>941</v>
      </c>
      <c r="T228" s="3" t="s">
        <v>37</v>
      </c>
      <c r="U228" s="3" t="s">
        <v>37</v>
      </c>
      <c r="V228" s="3" t="s">
        <v>37</v>
      </c>
    </row>
    <row r="229" spans="1:22" x14ac:dyDescent="0.25">
      <c r="A229" s="3" t="s">
        <v>913</v>
      </c>
      <c r="B229" s="4" t="s">
        <v>629</v>
      </c>
      <c r="C229" s="3" t="s">
        <v>630</v>
      </c>
      <c r="D229" s="5" t="s">
        <v>459</v>
      </c>
      <c r="E229" s="3" t="s">
        <v>936</v>
      </c>
      <c r="F229" s="3" t="s">
        <v>943</v>
      </c>
      <c r="G229" s="3" t="s">
        <v>235</v>
      </c>
      <c r="H229" s="3" t="s">
        <v>64</v>
      </c>
      <c r="I229" s="3" t="s">
        <v>938</v>
      </c>
      <c r="J229" s="3" t="s">
        <v>944</v>
      </c>
      <c r="K229" s="3" t="s">
        <v>32</v>
      </c>
      <c r="L229" s="3" t="s">
        <v>33</v>
      </c>
      <c r="M229" s="3" t="s">
        <v>940</v>
      </c>
      <c r="N229" s="3" t="s">
        <v>80</v>
      </c>
      <c r="O229" s="3" t="s">
        <v>152</v>
      </c>
      <c r="P229" s="3" t="s">
        <v>37</v>
      </c>
      <c r="Q229" s="3" t="s">
        <v>37</v>
      </c>
      <c r="R229" s="3" t="s">
        <v>38</v>
      </c>
      <c r="S229" s="3" t="s">
        <v>945</v>
      </c>
      <c r="T229" s="3" t="s">
        <v>37</v>
      </c>
      <c r="U229" s="3" t="s">
        <v>37</v>
      </c>
      <c r="V229" s="3" t="s">
        <v>37</v>
      </c>
    </row>
    <row r="230" spans="1:22" x14ac:dyDescent="0.25">
      <c r="A230" s="3" t="s">
        <v>913</v>
      </c>
      <c r="B230" s="4" t="s">
        <v>629</v>
      </c>
      <c r="C230" s="3" t="s">
        <v>630</v>
      </c>
      <c r="D230" s="5" t="s">
        <v>1044</v>
      </c>
      <c r="E230" s="3" t="s">
        <v>936</v>
      </c>
      <c r="F230" s="3" t="s">
        <v>946</v>
      </c>
      <c r="G230" s="3" t="s">
        <v>253</v>
      </c>
      <c r="H230" s="3" t="s">
        <v>64</v>
      </c>
      <c r="I230" s="3" t="s">
        <v>938</v>
      </c>
      <c r="J230" s="3" t="s">
        <v>947</v>
      </c>
      <c r="K230" s="3" t="s">
        <v>32</v>
      </c>
      <c r="L230" s="3" t="s">
        <v>33</v>
      </c>
      <c r="M230" s="3" t="s">
        <v>940</v>
      </c>
      <c r="N230" s="3" t="s">
        <v>80</v>
      </c>
      <c r="O230" s="3" t="s">
        <v>152</v>
      </c>
      <c r="P230" s="3" t="s">
        <v>37</v>
      </c>
      <c r="Q230" s="3" t="s">
        <v>37</v>
      </c>
      <c r="R230" s="3" t="s">
        <v>38</v>
      </c>
      <c r="S230" s="3" t="s">
        <v>948</v>
      </c>
      <c r="T230" s="3" t="s">
        <v>37</v>
      </c>
      <c r="U230" s="3" t="s">
        <v>37</v>
      </c>
      <c r="V230" s="3" t="s">
        <v>37</v>
      </c>
    </row>
    <row r="231" spans="1:22" x14ac:dyDescent="0.25">
      <c r="A231" s="3" t="s">
        <v>913</v>
      </c>
      <c r="B231" s="4" t="s">
        <v>629</v>
      </c>
      <c r="C231" s="3" t="s">
        <v>630</v>
      </c>
      <c r="D231" s="5" t="s">
        <v>145</v>
      </c>
      <c r="E231" s="3" t="s">
        <v>936</v>
      </c>
      <c r="F231" s="3" t="s">
        <v>950</v>
      </c>
      <c r="G231" s="3" t="s">
        <v>128</v>
      </c>
      <c r="H231" s="3" t="s">
        <v>64</v>
      </c>
      <c r="I231" s="3" t="s">
        <v>938</v>
      </c>
      <c r="J231" s="3" t="s">
        <v>952</v>
      </c>
      <c r="K231" s="3" t="s">
        <v>32</v>
      </c>
      <c r="L231" s="3" t="s">
        <v>33</v>
      </c>
      <c r="M231" s="3" t="s">
        <v>940</v>
      </c>
      <c r="N231" s="3" t="s">
        <v>80</v>
      </c>
      <c r="O231" s="3" t="s">
        <v>152</v>
      </c>
      <c r="P231" s="3" t="s">
        <v>37</v>
      </c>
      <c r="Q231" s="3" t="s">
        <v>37</v>
      </c>
      <c r="R231" s="3" t="s">
        <v>38</v>
      </c>
      <c r="S231" s="3" t="s">
        <v>953</v>
      </c>
      <c r="T231" s="3" t="s">
        <v>37</v>
      </c>
      <c r="U231" s="3" t="s">
        <v>37</v>
      </c>
      <c r="V231" s="3" t="s">
        <v>37</v>
      </c>
    </row>
    <row r="232" spans="1:22" x14ac:dyDescent="0.25">
      <c r="A232" s="3" t="s">
        <v>913</v>
      </c>
      <c r="B232" s="4" t="s">
        <v>629</v>
      </c>
      <c r="C232" s="3" t="s">
        <v>630</v>
      </c>
      <c r="D232" s="5" t="s">
        <v>146</v>
      </c>
      <c r="E232" s="3" t="s">
        <v>936</v>
      </c>
      <c r="F232" s="3" t="s">
        <v>1020</v>
      </c>
      <c r="G232" s="3" t="s">
        <v>568</v>
      </c>
      <c r="H232" s="3" t="s">
        <v>64</v>
      </c>
      <c r="I232" s="3" t="s">
        <v>951</v>
      </c>
      <c r="J232" s="3" t="s">
        <v>1021</v>
      </c>
      <c r="K232" s="3" t="s">
        <v>32</v>
      </c>
      <c r="L232" s="3" t="s">
        <v>33</v>
      </c>
      <c r="M232" s="3" t="s">
        <v>940</v>
      </c>
      <c r="N232" s="3" t="s">
        <v>80</v>
      </c>
      <c r="O232" s="3" t="s">
        <v>152</v>
      </c>
      <c r="P232" s="3" t="s">
        <v>37</v>
      </c>
      <c r="Q232" s="3" t="s">
        <v>37</v>
      </c>
      <c r="R232" s="3" t="s">
        <v>38</v>
      </c>
      <c r="S232" s="3" t="s">
        <v>1022</v>
      </c>
      <c r="T232" s="3" t="s">
        <v>37</v>
      </c>
      <c r="U232" s="3" t="s">
        <v>37</v>
      </c>
      <c r="V232" s="3" t="s">
        <v>37</v>
      </c>
    </row>
    <row r="233" spans="1:22" x14ac:dyDescent="0.25">
      <c r="A233" s="3" t="s">
        <v>913</v>
      </c>
      <c r="B233" s="4" t="s">
        <v>629</v>
      </c>
      <c r="C233" s="3" t="s">
        <v>630</v>
      </c>
      <c r="D233" s="5" t="s">
        <v>1257</v>
      </c>
      <c r="E233" s="3" t="s">
        <v>936</v>
      </c>
      <c r="F233" s="3" t="s">
        <v>1028</v>
      </c>
      <c r="G233" s="3" t="s">
        <v>286</v>
      </c>
      <c r="H233" s="3" t="s">
        <v>64</v>
      </c>
      <c r="I233" s="3" t="s">
        <v>951</v>
      </c>
      <c r="J233" s="3" t="s">
        <v>1029</v>
      </c>
      <c r="K233" s="3" t="s">
        <v>32</v>
      </c>
      <c r="L233" s="3" t="s">
        <v>33</v>
      </c>
      <c r="M233" s="3" t="s">
        <v>940</v>
      </c>
      <c r="N233" s="3" t="s">
        <v>80</v>
      </c>
      <c r="O233" s="3" t="s">
        <v>152</v>
      </c>
      <c r="P233" s="3" t="s">
        <v>37</v>
      </c>
      <c r="Q233" s="3" t="s">
        <v>37</v>
      </c>
      <c r="R233" s="3" t="s">
        <v>38</v>
      </c>
      <c r="S233" s="3" t="s">
        <v>1030</v>
      </c>
      <c r="T233" s="3" t="s">
        <v>37</v>
      </c>
      <c r="U233" s="3" t="s">
        <v>37</v>
      </c>
      <c r="V233" s="3" t="s">
        <v>37</v>
      </c>
    </row>
    <row r="234" spans="1:22" x14ac:dyDescent="0.25">
      <c r="A234" s="3" t="s">
        <v>913</v>
      </c>
      <c r="B234" s="4" t="s">
        <v>629</v>
      </c>
      <c r="C234" s="3" t="s">
        <v>630</v>
      </c>
      <c r="D234" s="5" t="s">
        <v>159</v>
      </c>
      <c r="E234" s="3" t="s">
        <v>936</v>
      </c>
      <c r="F234" s="3" t="s">
        <v>1038</v>
      </c>
      <c r="G234" s="3" t="s">
        <v>63</v>
      </c>
      <c r="H234" s="3" t="s">
        <v>64</v>
      </c>
      <c r="I234" s="3" t="s">
        <v>938</v>
      </c>
      <c r="J234" s="3" t="s">
        <v>1039</v>
      </c>
      <c r="K234" s="3" t="s">
        <v>32</v>
      </c>
      <c r="L234" s="3" t="s">
        <v>33</v>
      </c>
      <c r="M234" s="3" t="s">
        <v>940</v>
      </c>
      <c r="N234" s="3" t="s">
        <v>80</v>
      </c>
      <c r="O234" s="3" t="s">
        <v>152</v>
      </c>
      <c r="P234" s="3" t="s">
        <v>37</v>
      </c>
      <c r="Q234" s="3" t="s">
        <v>37</v>
      </c>
      <c r="R234" s="3" t="s">
        <v>38</v>
      </c>
      <c r="S234" s="3" t="s">
        <v>1040</v>
      </c>
      <c r="T234" s="3" t="s">
        <v>37</v>
      </c>
      <c r="U234" s="3" t="s">
        <v>37</v>
      </c>
      <c r="V234" s="3" t="s">
        <v>37</v>
      </c>
    </row>
    <row r="235" spans="1:22" x14ac:dyDescent="0.25">
      <c r="A235" s="3" t="s">
        <v>913</v>
      </c>
      <c r="B235" s="4" t="s">
        <v>629</v>
      </c>
      <c r="C235" s="3" t="s">
        <v>630</v>
      </c>
      <c r="D235" s="5" t="s">
        <v>665</v>
      </c>
      <c r="E235" s="3" t="s">
        <v>936</v>
      </c>
      <c r="F235" s="3" t="s">
        <v>1041</v>
      </c>
      <c r="G235" s="3" t="s">
        <v>537</v>
      </c>
      <c r="H235" s="3" t="s">
        <v>64</v>
      </c>
      <c r="I235" s="3" t="s">
        <v>938</v>
      </c>
      <c r="J235" s="3" t="s">
        <v>1042</v>
      </c>
      <c r="K235" s="3" t="s">
        <v>32</v>
      </c>
      <c r="L235" s="3" t="s">
        <v>33</v>
      </c>
      <c r="M235" s="3" t="s">
        <v>940</v>
      </c>
      <c r="N235" s="3" t="s">
        <v>80</v>
      </c>
      <c r="O235" s="3" t="s">
        <v>152</v>
      </c>
      <c r="P235" s="3" t="s">
        <v>37</v>
      </c>
      <c r="Q235" s="3" t="s">
        <v>37</v>
      </c>
      <c r="R235" s="3" t="s">
        <v>38</v>
      </c>
      <c r="S235" s="3" t="s">
        <v>1043</v>
      </c>
      <c r="T235" s="3" t="s">
        <v>37</v>
      </c>
      <c r="U235" s="3" t="s">
        <v>37</v>
      </c>
      <c r="V235" s="3" t="s">
        <v>37</v>
      </c>
    </row>
    <row r="236" spans="1:22" x14ac:dyDescent="0.25">
      <c r="A236" s="3" t="s">
        <v>913</v>
      </c>
      <c r="B236" s="4" t="s">
        <v>629</v>
      </c>
      <c r="C236" s="3" t="s">
        <v>630</v>
      </c>
      <c r="D236" s="5" t="s">
        <v>1266</v>
      </c>
      <c r="E236" s="3" t="s">
        <v>936</v>
      </c>
      <c r="F236" s="3" t="s">
        <v>1010</v>
      </c>
      <c r="G236" s="3" t="s">
        <v>182</v>
      </c>
      <c r="H236" s="3" t="s">
        <v>64</v>
      </c>
      <c r="I236" s="3" t="s">
        <v>938</v>
      </c>
      <c r="J236" s="3" t="s">
        <v>1011</v>
      </c>
      <c r="K236" s="3" t="s">
        <v>32</v>
      </c>
      <c r="L236" s="3" t="s">
        <v>33</v>
      </c>
      <c r="M236" s="3" t="s">
        <v>940</v>
      </c>
      <c r="N236" s="3" t="s">
        <v>80</v>
      </c>
      <c r="O236" s="3" t="s">
        <v>152</v>
      </c>
      <c r="P236" s="3" t="s">
        <v>37</v>
      </c>
      <c r="Q236" s="3" t="s">
        <v>37</v>
      </c>
      <c r="R236" s="3" t="s">
        <v>38</v>
      </c>
      <c r="S236" s="3" t="s">
        <v>1012</v>
      </c>
      <c r="T236" s="3" t="s">
        <v>37</v>
      </c>
      <c r="U236" s="3" t="s">
        <v>37</v>
      </c>
      <c r="V236" s="3" t="s">
        <v>37</v>
      </c>
    </row>
    <row r="237" spans="1:22" x14ac:dyDescent="0.25">
      <c r="A237" s="3" t="s">
        <v>913</v>
      </c>
      <c r="B237" s="4" t="s">
        <v>629</v>
      </c>
      <c r="C237" s="3" t="s">
        <v>630</v>
      </c>
      <c r="D237" s="5" t="s">
        <v>1059</v>
      </c>
      <c r="E237" s="3" t="s">
        <v>936</v>
      </c>
      <c r="F237" s="3" t="s">
        <v>955</v>
      </c>
      <c r="G237" s="3" t="s">
        <v>526</v>
      </c>
      <c r="H237" s="3" t="s">
        <v>64</v>
      </c>
      <c r="I237" s="3" t="s">
        <v>938</v>
      </c>
      <c r="J237" s="3" t="s">
        <v>956</v>
      </c>
      <c r="K237" s="3" t="s">
        <v>32</v>
      </c>
      <c r="L237" s="3" t="s">
        <v>33</v>
      </c>
      <c r="M237" s="3" t="s">
        <v>940</v>
      </c>
      <c r="N237" s="3" t="s">
        <v>80</v>
      </c>
      <c r="O237" s="3" t="s">
        <v>152</v>
      </c>
      <c r="P237" s="3" t="s">
        <v>37</v>
      </c>
      <c r="Q237" s="3" t="s">
        <v>37</v>
      </c>
      <c r="R237" s="3" t="s">
        <v>38</v>
      </c>
      <c r="S237" s="3" t="s">
        <v>957</v>
      </c>
      <c r="T237" s="3" t="s">
        <v>37</v>
      </c>
      <c r="U237" s="3" t="s">
        <v>37</v>
      </c>
      <c r="V237" s="3" t="s">
        <v>37</v>
      </c>
    </row>
    <row r="238" spans="1:22" x14ac:dyDescent="0.25">
      <c r="A238" s="3" t="s">
        <v>913</v>
      </c>
      <c r="B238" s="4" t="s">
        <v>629</v>
      </c>
      <c r="C238" s="3" t="s">
        <v>630</v>
      </c>
      <c r="D238" s="5" t="s">
        <v>170</v>
      </c>
      <c r="E238" s="3" t="s">
        <v>936</v>
      </c>
      <c r="F238" s="3" t="s">
        <v>958</v>
      </c>
      <c r="G238" s="3" t="s">
        <v>156</v>
      </c>
      <c r="H238" s="3" t="s">
        <v>64</v>
      </c>
      <c r="I238" s="3" t="s">
        <v>938</v>
      </c>
      <c r="J238" s="3" t="s">
        <v>959</v>
      </c>
      <c r="K238" s="3" t="s">
        <v>32</v>
      </c>
      <c r="L238" s="3" t="s">
        <v>33</v>
      </c>
      <c r="M238" s="3" t="s">
        <v>940</v>
      </c>
      <c r="N238" s="3" t="s">
        <v>80</v>
      </c>
      <c r="O238" s="3" t="s">
        <v>152</v>
      </c>
      <c r="P238" s="3" t="s">
        <v>37</v>
      </c>
      <c r="Q238" s="3" t="s">
        <v>37</v>
      </c>
      <c r="R238" s="3" t="s">
        <v>38</v>
      </c>
      <c r="S238" s="3" t="s">
        <v>960</v>
      </c>
      <c r="T238" s="3" t="s">
        <v>37</v>
      </c>
      <c r="U238" s="3" t="s">
        <v>37</v>
      </c>
      <c r="V238" s="3" t="s">
        <v>37</v>
      </c>
    </row>
    <row r="239" spans="1:22" x14ac:dyDescent="0.25">
      <c r="A239" s="3" t="s">
        <v>913</v>
      </c>
      <c r="B239" s="4" t="s">
        <v>629</v>
      </c>
      <c r="C239" s="3" t="s">
        <v>630</v>
      </c>
      <c r="D239" s="5" t="s">
        <v>1267</v>
      </c>
      <c r="E239" s="3" t="s">
        <v>936</v>
      </c>
      <c r="F239" s="3" t="s">
        <v>1127</v>
      </c>
      <c r="G239" s="3" t="s">
        <v>161</v>
      </c>
      <c r="H239" s="3" t="s">
        <v>64</v>
      </c>
      <c r="I239" s="3" t="s">
        <v>938</v>
      </c>
      <c r="J239" s="3" t="s">
        <v>1128</v>
      </c>
      <c r="K239" s="3" t="s">
        <v>32</v>
      </c>
      <c r="L239" s="3" t="s">
        <v>33</v>
      </c>
      <c r="M239" s="3" t="s">
        <v>940</v>
      </c>
      <c r="N239" s="3" t="s">
        <v>80</v>
      </c>
      <c r="O239" s="3" t="s">
        <v>152</v>
      </c>
      <c r="P239" s="3" t="s">
        <v>37</v>
      </c>
      <c r="Q239" s="3" t="s">
        <v>37</v>
      </c>
      <c r="R239" s="3" t="s">
        <v>38</v>
      </c>
      <c r="S239" s="3" t="s">
        <v>1129</v>
      </c>
      <c r="T239" s="3" t="s">
        <v>37</v>
      </c>
      <c r="U239" s="3" t="s">
        <v>37</v>
      </c>
      <c r="V239" s="3" t="s">
        <v>37</v>
      </c>
    </row>
    <row r="240" spans="1:22" x14ac:dyDescent="0.25">
      <c r="A240" s="3" t="s">
        <v>913</v>
      </c>
      <c r="B240" s="4" t="s">
        <v>629</v>
      </c>
      <c r="C240" s="3" t="s">
        <v>630</v>
      </c>
      <c r="D240" s="5" t="s">
        <v>1063</v>
      </c>
      <c r="E240" s="3" t="s">
        <v>961</v>
      </c>
      <c r="F240" s="3" t="s">
        <v>977</v>
      </c>
      <c r="G240" s="3" t="s">
        <v>354</v>
      </c>
      <c r="H240" s="3" t="s">
        <v>78</v>
      </c>
      <c r="I240" s="3" t="s">
        <v>37</v>
      </c>
      <c r="J240" s="7" t="s">
        <v>1064</v>
      </c>
      <c r="K240" s="3" t="s">
        <v>32</v>
      </c>
      <c r="L240" s="3" t="s">
        <v>33</v>
      </c>
      <c r="M240" s="3" t="s">
        <v>66</v>
      </c>
      <c r="N240" s="3" t="s">
        <v>80</v>
      </c>
      <c r="O240" s="3" t="s">
        <v>86</v>
      </c>
      <c r="P240" s="3" t="s">
        <v>37</v>
      </c>
      <c r="Q240" s="3" t="s">
        <v>37</v>
      </c>
      <c r="R240" s="3" t="s">
        <v>38</v>
      </c>
      <c r="S240" s="3" t="s">
        <v>1439</v>
      </c>
      <c r="T240" s="3" t="s">
        <v>37</v>
      </c>
      <c r="U240" s="3" t="s">
        <v>37</v>
      </c>
      <c r="V240" s="3" t="s">
        <v>37</v>
      </c>
    </row>
    <row r="241" spans="1:22" x14ac:dyDescent="0.25">
      <c r="A241" s="3" t="s">
        <v>913</v>
      </c>
      <c r="B241" s="4" t="s">
        <v>629</v>
      </c>
      <c r="C241" s="3" t="s">
        <v>630</v>
      </c>
      <c r="D241" s="5" t="s">
        <v>1066</v>
      </c>
      <c r="E241" s="3" t="s">
        <v>1051</v>
      </c>
      <c r="F241" s="3" t="s">
        <v>1440</v>
      </c>
      <c r="G241" s="3" t="s">
        <v>211</v>
      </c>
      <c r="H241" s="3" t="s">
        <v>29</v>
      </c>
      <c r="I241" s="3" t="s">
        <v>37</v>
      </c>
      <c r="J241" s="3" t="s">
        <v>1356</v>
      </c>
      <c r="K241" s="3" t="s">
        <v>32</v>
      </c>
      <c r="L241" s="3" t="s">
        <v>33</v>
      </c>
      <c r="M241" s="3" t="s">
        <v>66</v>
      </c>
      <c r="N241" s="3" t="s">
        <v>67</v>
      </c>
      <c r="O241" s="3" t="s">
        <v>86</v>
      </c>
      <c r="P241" s="3" t="s">
        <v>37</v>
      </c>
      <c r="Q241" s="3" t="s">
        <v>37</v>
      </c>
      <c r="R241" s="3" t="s">
        <v>38</v>
      </c>
      <c r="S241" s="3" t="s">
        <v>1441</v>
      </c>
      <c r="T241" s="3" t="s">
        <v>121</v>
      </c>
      <c r="U241" s="3" t="s">
        <v>37</v>
      </c>
      <c r="V241" s="3" t="s">
        <v>37</v>
      </c>
    </row>
    <row r="242" spans="1:22" x14ac:dyDescent="0.25">
      <c r="A242" s="3" t="s">
        <v>913</v>
      </c>
      <c r="B242" s="4" t="s">
        <v>629</v>
      </c>
      <c r="C242" s="3" t="s">
        <v>630</v>
      </c>
      <c r="D242" s="5" t="s">
        <v>1358</v>
      </c>
      <c r="E242" s="3" t="s">
        <v>925</v>
      </c>
      <c r="F242" s="3" t="s">
        <v>1442</v>
      </c>
      <c r="G242" s="3" t="s">
        <v>565</v>
      </c>
      <c r="H242" s="3" t="s">
        <v>64</v>
      </c>
      <c r="I242" s="3" t="s">
        <v>927</v>
      </c>
      <c r="J242" s="3" t="s">
        <v>1443</v>
      </c>
      <c r="K242" s="3" t="s">
        <v>32</v>
      </c>
      <c r="L242" s="3" t="s">
        <v>33</v>
      </c>
      <c r="M242" s="3" t="s">
        <v>34</v>
      </c>
      <c r="N242" s="3" t="s">
        <v>67</v>
      </c>
      <c r="O242" s="3" t="s">
        <v>119</v>
      </c>
      <c r="P242" s="3" t="s">
        <v>37</v>
      </c>
      <c r="Q242" s="3" t="s">
        <v>37</v>
      </c>
      <c r="R242" s="3" t="s">
        <v>38</v>
      </c>
      <c r="S242" s="3" t="s">
        <v>1444</v>
      </c>
      <c r="T242" s="3" t="s">
        <v>37</v>
      </c>
      <c r="U242" s="3" t="s">
        <v>37</v>
      </c>
      <c r="V242" s="3" t="s">
        <v>37</v>
      </c>
    </row>
    <row r="243" spans="1:22" x14ac:dyDescent="0.25">
      <c r="A243" s="3" t="s">
        <v>913</v>
      </c>
      <c r="B243" s="4" t="s">
        <v>629</v>
      </c>
      <c r="C243" s="3" t="s">
        <v>630</v>
      </c>
      <c r="D243" s="5" t="s">
        <v>1069</v>
      </c>
      <c r="E243" s="3" t="s">
        <v>1051</v>
      </c>
      <c r="F243" s="3" t="s">
        <v>1445</v>
      </c>
      <c r="G243" s="3" t="s">
        <v>192</v>
      </c>
      <c r="H243" s="3" t="s">
        <v>29</v>
      </c>
      <c r="I243" s="3" t="s">
        <v>37</v>
      </c>
      <c r="J243" s="7" t="s">
        <v>1446</v>
      </c>
      <c r="K243" s="3" t="s">
        <v>32</v>
      </c>
      <c r="L243" s="3" t="s">
        <v>33</v>
      </c>
      <c r="M243" s="3" t="s">
        <v>66</v>
      </c>
      <c r="N243" s="3" t="s">
        <v>67</v>
      </c>
      <c r="O243" s="3" t="s">
        <v>86</v>
      </c>
      <c r="P243" s="3" t="s">
        <v>37</v>
      </c>
      <c r="Q243" s="3" t="s">
        <v>37</v>
      </c>
      <c r="R243" s="3" t="s">
        <v>38</v>
      </c>
      <c r="S243" s="3" t="s">
        <v>1447</v>
      </c>
      <c r="T243" s="3" t="s">
        <v>37</v>
      </c>
      <c r="U243" s="3" t="s">
        <v>37</v>
      </c>
      <c r="V243" s="3" t="s">
        <v>37</v>
      </c>
    </row>
    <row r="244" spans="1:22" x14ac:dyDescent="0.25">
      <c r="A244" s="3" t="s">
        <v>913</v>
      </c>
      <c r="B244" s="4" t="s">
        <v>629</v>
      </c>
      <c r="C244" s="3" t="s">
        <v>630</v>
      </c>
      <c r="D244" s="5" t="s">
        <v>1075</v>
      </c>
      <c r="E244" s="3" t="s">
        <v>490</v>
      </c>
      <c r="F244" s="3" t="s">
        <v>1448</v>
      </c>
      <c r="G244" s="3" t="s">
        <v>904</v>
      </c>
      <c r="H244" s="3" t="s">
        <v>225</v>
      </c>
      <c r="I244" s="3" t="s">
        <v>37</v>
      </c>
      <c r="J244" s="3" t="s">
        <v>1449</v>
      </c>
      <c r="K244" s="3" t="s">
        <v>32</v>
      </c>
      <c r="L244" s="3" t="s">
        <v>33</v>
      </c>
      <c r="M244" s="3" t="s">
        <v>34</v>
      </c>
      <c r="N244" s="3" t="s">
        <v>80</v>
      </c>
      <c r="O244" s="3" t="s">
        <v>86</v>
      </c>
      <c r="P244" s="3" t="s">
        <v>37</v>
      </c>
      <c r="Q244" s="3" t="s">
        <v>37</v>
      </c>
      <c r="R244" s="3" t="s">
        <v>38</v>
      </c>
      <c r="S244" s="3" t="s">
        <v>1450</v>
      </c>
      <c r="T244" s="3" t="s">
        <v>37</v>
      </c>
      <c r="U244" s="3" t="s">
        <v>37</v>
      </c>
      <c r="V244" s="3" t="s">
        <v>37</v>
      </c>
    </row>
    <row r="245" spans="1:22" x14ac:dyDescent="0.25">
      <c r="A245" s="3" t="s">
        <v>913</v>
      </c>
      <c r="B245" s="4" t="s">
        <v>629</v>
      </c>
      <c r="C245" s="3" t="s">
        <v>630</v>
      </c>
      <c r="D245" s="5" t="s">
        <v>1080</v>
      </c>
      <c r="E245" s="3" t="s">
        <v>1081</v>
      </c>
      <c r="F245" s="3" t="s">
        <v>1451</v>
      </c>
      <c r="G245" s="3" t="s">
        <v>809</v>
      </c>
      <c r="H245" s="3" t="s">
        <v>78</v>
      </c>
      <c r="I245" s="3" t="s">
        <v>37</v>
      </c>
      <c r="J245" s="3" t="s">
        <v>1452</v>
      </c>
      <c r="K245" s="3" t="s">
        <v>32</v>
      </c>
      <c r="L245" s="3" t="s">
        <v>33</v>
      </c>
      <c r="M245" s="3" t="s">
        <v>66</v>
      </c>
      <c r="N245" s="3" t="s">
        <v>67</v>
      </c>
      <c r="O245" s="3" t="s">
        <v>52</v>
      </c>
      <c r="P245" s="3" t="s">
        <v>37</v>
      </c>
      <c r="Q245" s="3" t="s">
        <v>37</v>
      </c>
      <c r="R245" s="3" t="s">
        <v>38</v>
      </c>
      <c r="S245" s="3" t="s">
        <v>1453</v>
      </c>
      <c r="T245" s="3" t="s">
        <v>37</v>
      </c>
      <c r="U245" s="3" t="s">
        <v>37</v>
      </c>
      <c r="V245" s="3" t="s">
        <v>37</v>
      </c>
    </row>
    <row r="246" spans="1:22" x14ac:dyDescent="0.25">
      <c r="A246" s="3" t="s">
        <v>913</v>
      </c>
      <c r="B246" s="4" t="s">
        <v>629</v>
      </c>
      <c r="C246" s="3" t="s">
        <v>630</v>
      </c>
      <c r="D246" s="5" t="s">
        <v>200</v>
      </c>
      <c r="E246" s="3" t="s">
        <v>1086</v>
      </c>
      <c r="F246" s="3" t="s">
        <v>1454</v>
      </c>
      <c r="G246" s="3" t="s">
        <v>1455</v>
      </c>
      <c r="H246" s="3" t="s">
        <v>225</v>
      </c>
      <c r="I246" s="3" t="s">
        <v>37</v>
      </c>
      <c r="J246" s="3" t="s">
        <v>1456</v>
      </c>
      <c r="K246" s="3" t="s">
        <v>32</v>
      </c>
      <c r="L246" s="3" t="s">
        <v>33</v>
      </c>
      <c r="M246" s="3" t="s">
        <v>66</v>
      </c>
      <c r="N246" s="3" t="s">
        <v>51</v>
      </c>
      <c r="O246" s="3" t="s">
        <v>36</v>
      </c>
      <c r="P246" s="3" t="s">
        <v>37</v>
      </c>
      <c r="Q246" s="3" t="s">
        <v>37</v>
      </c>
      <c r="R246" s="3" t="s">
        <v>38</v>
      </c>
      <c r="S246" s="3" t="s">
        <v>1457</v>
      </c>
      <c r="T246" s="3" t="s">
        <v>37</v>
      </c>
      <c r="U246" s="3" t="s">
        <v>37</v>
      </c>
      <c r="V246" s="3" t="s">
        <v>37</v>
      </c>
    </row>
    <row r="247" spans="1:22" x14ac:dyDescent="0.25">
      <c r="A247" s="3" t="s">
        <v>913</v>
      </c>
      <c r="B247" s="4" t="s">
        <v>629</v>
      </c>
      <c r="C247" s="3" t="s">
        <v>630</v>
      </c>
      <c r="D247" s="5" t="s">
        <v>1091</v>
      </c>
      <c r="E247" s="3" t="s">
        <v>1284</v>
      </c>
      <c r="F247" s="3" t="s">
        <v>1458</v>
      </c>
      <c r="G247" s="3" t="s">
        <v>576</v>
      </c>
      <c r="H247" s="3" t="s">
        <v>78</v>
      </c>
      <c r="I247" s="3" t="s">
        <v>1459</v>
      </c>
      <c r="J247" s="3" t="s">
        <v>1460</v>
      </c>
      <c r="K247" s="3" t="s">
        <v>32</v>
      </c>
      <c r="L247" s="3" t="s">
        <v>33</v>
      </c>
      <c r="M247" s="3" t="s">
        <v>66</v>
      </c>
      <c r="N247" s="3" t="s">
        <v>370</v>
      </c>
      <c r="O247" s="3" t="s">
        <v>86</v>
      </c>
      <c r="P247" s="3" t="s">
        <v>37</v>
      </c>
      <c r="Q247" s="3" t="s">
        <v>37</v>
      </c>
      <c r="R247" s="3" t="s">
        <v>38</v>
      </c>
      <c r="S247" s="3" t="s">
        <v>1461</v>
      </c>
      <c r="T247" s="3" t="s">
        <v>37</v>
      </c>
      <c r="U247" s="3" t="s">
        <v>37</v>
      </c>
      <c r="V247" s="3" t="s">
        <v>37</v>
      </c>
    </row>
    <row r="248" spans="1:22" x14ac:dyDescent="0.25">
      <c r="A248" s="3" t="s">
        <v>913</v>
      </c>
      <c r="B248" s="4" t="s">
        <v>629</v>
      </c>
      <c r="C248" s="3" t="s">
        <v>630</v>
      </c>
      <c r="D248" s="5" t="s">
        <v>489</v>
      </c>
      <c r="E248" s="3" t="s">
        <v>936</v>
      </c>
      <c r="F248" s="3" t="s">
        <v>1462</v>
      </c>
      <c r="G248" s="3" t="s">
        <v>530</v>
      </c>
      <c r="H248" s="3" t="s">
        <v>64</v>
      </c>
      <c r="I248" s="3" t="s">
        <v>938</v>
      </c>
      <c r="J248" s="3" t="s">
        <v>1463</v>
      </c>
      <c r="K248" s="3" t="s">
        <v>32</v>
      </c>
      <c r="L248" s="3" t="s">
        <v>33</v>
      </c>
      <c r="M248" s="3" t="s">
        <v>940</v>
      </c>
      <c r="N248" s="3" t="s">
        <v>80</v>
      </c>
      <c r="O248" s="3" t="s">
        <v>152</v>
      </c>
      <c r="P248" s="3" t="s">
        <v>37</v>
      </c>
      <c r="Q248" s="3" t="s">
        <v>37</v>
      </c>
      <c r="R248" s="3" t="s">
        <v>38</v>
      </c>
      <c r="S248" s="3" t="s">
        <v>1464</v>
      </c>
      <c r="T248" s="3" t="s">
        <v>37</v>
      </c>
      <c r="U248" s="3" t="s">
        <v>37</v>
      </c>
      <c r="V248" s="3" t="s">
        <v>37</v>
      </c>
    </row>
    <row r="249" spans="1:22" x14ac:dyDescent="0.25">
      <c r="A249" s="3" t="s">
        <v>913</v>
      </c>
      <c r="B249" s="4" t="s">
        <v>629</v>
      </c>
      <c r="C249" s="3" t="s">
        <v>630</v>
      </c>
      <c r="D249" s="5" t="s">
        <v>1291</v>
      </c>
      <c r="E249" s="3" t="s">
        <v>936</v>
      </c>
      <c r="F249" s="3" t="s">
        <v>1465</v>
      </c>
      <c r="G249" s="3" t="s">
        <v>134</v>
      </c>
      <c r="H249" s="3" t="s">
        <v>64</v>
      </c>
      <c r="I249" s="3" t="s">
        <v>951</v>
      </c>
      <c r="J249" s="3" t="s">
        <v>1466</v>
      </c>
      <c r="K249" s="3" t="s">
        <v>32</v>
      </c>
      <c r="L249" s="3" t="s">
        <v>33</v>
      </c>
      <c r="M249" s="3" t="s">
        <v>940</v>
      </c>
      <c r="N249" s="3" t="s">
        <v>80</v>
      </c>
      <c r="O249" s="3" t="s">
        <v>152</v>
      </c>
      <c r="P249" s="3" t="s">
        <v>37</v>
      </c>
      <c r="Q249" s="3" t="s">
        <v>37</v>
      </c>
      <c r="R249" s="3" t="s">
        <v>38</v>
      </c>
      <c r="S249" s="3" t="s">
        <v>1467</v>
      </c>
      <c r="T249" s="3" t="s">
        <v>37</v>
      </c>
      <c r="U249" s="3" t="s">
        <v>37</v>
      </c>
      <c r="V249" s="3" t="s">
        <v>37</v>
      </c>
    </row>
    <row r="250" spans="1:22" x14ac:dyDescent="0.25">
      <c r="A250" s="3" t="s">
        <v>913</v>
      </c>
      <c r="B250" s="4" t="s">
        <v>629</v>
      </c>
      <c r="C250" s="3" t="s">
        <v>630</v>
      </c>
      <c r="D250" s="5" t="s">
        <v>1295</v>
      </c>
      <c r="E250" s="3" t="s">
        <v>936</v>
      </c>
      <c r="F250" s="3" t="s">
        <v>1468</v>
      </c>
      <c r="G250" s="3" t="s">
        <v>321</v>
      </c>
      <c r="H250" s="3" t="s">
        <v>64</v>
      </c>
      <c r="I250" s="3" t="s">
        <v>938</v>
      </c>
      <c r="J250" s="3" t="s">
        <v>1469</v>
      </c>
      <c r="K250" s="3" t="s">
        <v>32</v>
      </c>
      <c r="L250" s="3" t="s">
        <v>33</v>
      </c>
      <c r="M250" s="3" t="s">
        <v>940</v>
      </c>
      <c r="N250" s="3" t="s">
        <v>80</v>
      </c>
      <c r="O250" s="3" t="s">
        <v>152</v>
      </c>
      <c r="P250" s="3" t="s">
        <v>37</v>
      </c>
      <c r="Q250" s="3" t="s">
        <v>37</v>
      </c>
      <c r="R250" s="3" t="s">
        <v>38</v>
      </c>
      <c r="S250" s="3" t="s">
        <v>1470</v>
      </c>
      <c r="T250" s="3" t="s">
        <v>37</v>
      </c>
      <c r="U250" s="3" t="s">
        <v>37</v>
      </c>
      <c r="V250" s="3" t="s">
        <v>37</v>
      </c>
    </row>
    <row r="251" spans="1:22" x14ac:dyDescent="0.25">
      <c r="A251" s="3" t="s">
        <v>913</v>
      </c>
      <c r="B251" s="4" t="s">
        <v>629</v>
      </c>
      <c r="C251" s="3" t="s">
        <v>630</v>
      </c>
      <c r="D251" s="5" t="s">
        <v>1096</v>
      </c>
      <c r="E251" s="3" t="s">
        <v>961</v>
      </c>
      <c r="F251" s="3" t="s">
        <v>977</v>
      </c>
      <c r="G251" s="3" t="s">
        <v>354</v>
      </c>
      <c r="H251" s="3" t="s">
        <v>78</v>
      </c>
      <c r="I251" s="3" t="s">
        <v>37</v>
      </c>
      <c r="J251" s="7" t="s">
        <v>1064</v>
      </c>
      <c r="K251" s="3" t="s">
        <v>32</v>
      </c>
      <c r="L251" s="3" t="s">
        <v>33</v>
      </c>
      <c r="M251" s="3" t="s">
        <v>66</v>
      </c>
      <c r="N251" s="3" t="s">
        <v>80</v>
      </c>
      <c r="O251" s="3" t="s">
        <v>86</v>
      </c>
      <c r="P251" s="3" t="s">
        <v>37</v>
      </c>
      <c r="Q251" s="3" t="s">
        <v>37</v>
      </c>
      <c r="R251" s="3" t="s">
        <v>38</v>
      </c>
      <c r="S251" s="3" t="s">
        <v>1439</v>
      </c>
      <c r="T251" s="3" t="s">
        <v>37</v>
      </c>
      <c r="U251" s="3" t="s">
        <v>37</v>
      </c>
      <c r="V251" s="3" t="s">
        <v>37</v>
      </c>
    </row>
    <row r="252" spans="1:22" x14ac:dyDescent="0.25">
      <c r="A252" s="3" t="s">
        <v>913</v>
      </c>
      <c r="B252" s="4" t="s">
        <v>629</v>
      </c>
      <c r="C252" s="3" t="s">
        <v>630</v>
      </c>
      <c r="D252" s="5" t="s">
        <v>219</v>
      </c>
      <c r="E252" s="3" t="s">
        <v>1051</v>
      </c>
      <c r="F252" s="3" t="s">
        <v>1440</v>
      </c>
      <c r="G252" s="3" t="s">
        <v>211</v>
      </c>
      <c r="H252" s="3" t="s">
        <v>29</v>
      </c>
      <c r="I252" s="3" t="s">
        <v>37</v>
      </c>
      <c r="J252" s="3" t="s">
        <v>1356</v>
      </c>
      <c r="K252" s="3" t="s">
        <v>32</v>
      </c>
      <c r="L252" s="3" t="s">
        <v>33</v>
      </c>
      <c r="M252" s="3" t="s">
        <v>66</v>
      </c>
      <c r="N252" s="3" t="s">
        <v>67</v>
      </c>
      <c r="O252" s="3" t="s">
        <v>86</v>
      </c>
      <c r="P252" s="3" t="s">
        <v>37</v>
      </c>
      <c r="Q252" s="3" t="s">
        <v>37</v>
      </c>
      <c r="R252" s="3" t="s">
        <v>38</v>
      </c>
      <c r="S252" s="3" t="s">
        <v>1441</v>
      </c>
      <c r="T252" s="3" t="s">
        <v>37</v>
      </c>
      <c r="U252" s="3" t="s">
        <v>37</v>
      </c>
      <c r="V252" s="3" t="s">
        <v>37</v>
      </c>
    </row>
    <row r="253" spans="1:22" x14ac:dyDescent="0.25">
      <c r="A253" s="3" t="s">
        <v>913</v>
      </c>
      <c r="B253" s="4" t="s">
        <v>629</v>
      </c>
      <c r="C253" s="3" t="s">
        <v>630</v>
      </c>
      <c r="D253" s="5" t="s">
        <v>1385</v>
      </c>
      <c r="E253" s="3" t="s">
        <v>925</v>
      </c>
      <c r="F253" s="3" t="s">
        <v>1442</v>
      </c>
      <c r="G253" s="3" t="s">
        <v>565</v>
      </c>
      <c r="H253" s="3" t="s">
        <v>64</v>
      </c>
      <c r="I253" s="3" t="s">
        <v>927</v>
      </c>
      <c r="J253" s="3" t="s">
        <v>1443</v>
      </c>
      <c r="K253" s="3" t="s">
        <v>32</v>
      </c>
      <c r="L253" s="3" t="s">
        <v>33</v>
      </c>
      <c r="M253" s="3" t="s">
        <v>34</v>
      </c>
      <c r="N253" s="3" t="s">
        <v>67</v>
      </c>
      <c r="O253" s="3" t="s">
        <v>119</v>
      </c>
      <c r="P253" s="3" t="s">
        <v>37</v>
      </c>
      <c r="Q253" s="3" t="s">
        <v>37</v>
      </c>
      <c r="R253" s="3" t="s">
        <v>38</v>
      </c>
      <c r="S253" s="3" t="s">
        <v>1444</v>
      </c>
      <c r="T253" s="3" t="s">
        <v>37</v>
      </c>
      <c r="U253" s="3" t="s">
        <v>37</v>
      </c>
      <c r="V253" s="3" t="s">
        <v>37</v>
      </c>
    </row>
    <row r="254" spans="1:22" x14ac:dyDescent="0.25">
      <c r="A254" s="3" t="s">
        <v>913</v>
      </c>
      <c r="B254" s="4" t="s">
        <v>629</v>
      </c>
      <c r="C254" s="3" t="s">
        <v>630</v>
      </c>
      <c r="D254" s="5" t="s">
        <v>378</v>
      </c>
      <c r="E254" s="3" t="s">
        <v>1051</v>
      </c>
      <c r="F254" s="3" t="s">
        <v>1445</v>
      </c>
      <c r="G254" s="3" t="s">
        <v>192</v>
      </c>
      <c r="H254" s="3" t="s">
        <v>29</v>
      </c>
      <c r="I254" s="3" t="s">
        <v>37</v>
      </c>
      <c r="J254" s="7" t="s">
        <v>1446</v>
      </c>
      <c r="K254" s="3" t="s">
        <v>32</v>
      </c>
      <c r="L254" s="3" t="s">
        <v>33</v>
      </c>
      <c r="M254" s="3" t="s">
        <v>66</v>
      </c>
      <c r="N254" s="3" t="s">
        <v>67</v>
      </c>
      <c r="O254" s="3" t="s">
        <v>86</v>
      </c>
      <c r="P254" s="3" t="s">
        <v>37</v>
      </c>
      <c r="Q254" s="3" t="s">
        <v>37</v>
      </c>
      <c r="R254" s="3" t="s">
        <v>38</v>
      </c>
      <c r="S254" s="3" t="s">
        <v>1447</v>
      </c>
      <c r="T254" s="3" t="s">
        <v>37</v>
      </c>
      <c r="U254" s="3" t="s">
        <v>37</v>
      </c>
      <c r="V254" s="3" t="s">
        <v>37</v>
      </c>
    </row>
    <row r="255" spans="1:22" x14ac:dyDescent="0.25">
      <c r="A255" s="3" t="s">
        <v>913</v>
      </c>
      <c r="B255" s="4" t="s">
        <v>629</v>
      </c>
      <c r="C255" s="3" t="s">
        <v>630</v>
      </c>
      <c r="D255" s="5" t="s">
        <v>228</v>
      </c>
      <c r="E255" s="3" t="s">
        <v>490</v>
      </c>
      <c r="F255" s="3" t="s">
        <v>1448</v>
      </c>
      <c r="G255" s="3" t="s">
        <v>904</v>
      </c>
      <c r="H255" s="3" t="s">
        <v>225</v>
      </c>
      <c r="I255" s="3" t="s">
        <v>37</v>
      </c>
      <c r="J255" s="3" t="s">
        <v>1449</v>
      </c>
      <c r="K255" s="3" t="s">
        <v>32</v>
      </c>
      <c r="L255" s="3" t="s">
        <v>33</v>
      </c>
      <c r="M255" s="3" t="s">
        <v>34</v>
      </c>
      <c r="N255" s="3" t="s">
        <v>80</v>
      </c>
      <c r="O255" s="3" t="s">
        <v>86</v>
      </c>
      <c r="P255" s="3" t="s">
        <v>37</v>
      </c>
      <c r="Q255" s="3" t="s">
        <v>37</v>
      </c>
      <c r="R255" s="3" t="s">
        <v>38</v>
      </c>
      <c r="S255" s="3" t="s">
        <v>1450</v>
      </c>
      <c r="T255" s="3" t="s">
        <v>37</v>
      </c>
      <c r="U255" s="3" t="s">
        <v>37</v>
      </c>
      <c r="V255" s="3" t="s">
        <v>37</v>
      </c>
    </row>
    <row r="256" spans="1:22" x14ac:dyDescent="0.25">
      <c r="A256" s="3" t="s">
        <v>913</v>
      </c>
      <c r="B256" s="4" t="s">
        <v>629</v>
      </c>
      <c r="C256" s="3" t="s">
        <v>630</v>
      </c>
      <c r="D256" s="5" t="s">
        <v>1103</v>
      </c>
      <c r="E256" s="3" t="s">
        <v>1081</v>
      </c>
      <c r="F256" s="3" t="s">
        <v>1451</v>
      </c>
      <c r="G256" s="3" t="s">
        <v>809</v>
      </c>
      <c r="H256" s="3" t="s">
        <v>78</v>
      </c>
      <c r="I256" s="3" t="s">
        <v>37</v>
      </c>
      <c r="J256" s="3" t="s">
        <v>1452</v>
      </c>
      <c r="K256" s="3" t="s">
        <v>32</v>
      </c>
      <c r="L256" s="3" t="s">
        <v>33</v>
      </c>
      <c r="M256" s="3" t="s">
        <v>66</v>
      </c>
      <c r="N256" s="3" t="s">
        <v>67</v>
      </c>
      <c r="O256" s="3" t="s">
        <v>52</v>
      </c>
      <c r="P256" s="3" t="s">
        <v>37</v>
      </c>
      <c r="Q256" s="3" t="s">
        <v>37</v>
      </c>
      <c r="R256" s="3" t="s">
        <v>38</v>
      </c>
      <c r="S256" s="3" t="s">
        <v>1453</v>
      </c>
      <c r="T256" s="3" t="s">
        <v>37</v>
      </c>
      <c r="U256" s="3" t="s">
        <v>37</v>
      </c>
      <c r="V256" s="3" t="s">
        <v>37</v>
      </c>
    </row>
    <row r="257" spans="1:22" x14ac:dyDescent="0.25">
      <c r="A257" s="3" t="s">
        <v>913</v>
      </c>
      <c r="B257" s="4" t="s">
        <v>629</v>
      </c>
      <c r="C257" s="3" t="s">
        <v>630</v>
      </c>
      <c r="D257" s="5" t="s">
        <v>238</v>
      </c>
      <c r="E257" s="3" t="s">
        <v>1086</v>
      </c>
      <c r="F257" s="3" t="s">
        <v>1454</v>
      </c>
      <c r="G257" s="3" t="s">
        <v>1455</v>
      </c>
      <c r="H257" s="3" t="s">
        <v>225</v>
      </c>
      <c r="I257" s="3" t="s">
        <v>37</v>
      </c>
      <c r="J257" s="3" t="s">
        <v>1456</v>
      </c>
      <c r="K257" s="3" t="s">
        <v>32</v>
      </c>
      <c r="L257" s="3" t="s">
        <v>33</v>
      </c>
      <c r="M257" s="3" t="s">
        <v>66</v>
      </c>
      <c r="N257" s="3" t="s">
        <v>51</v>
      </c>
      <c r="O257" s="3" t="s">
        <v>36</v>
      </c>
      <c r="P257" s="3" t="s">
        <v>37</v>
      </c>
      <c r="Q257" s="3" t="s">
        <v>37</v>
      </c>
      <c r="R257" s="3" t="s">
        <v>38</v>
      </c>
      <c r="S257" s="3" t="s">
        <v>1457</v>
      </c>
      <c r="T257" s="3" t="s">
        <v>37</v>
      </c>
      <c r="U257" s="3" t="s">
        <v>37</v>
      </c>
      <c r="V257" s="3" t="s">
        <v>37</v>
      </c>
    </row>
    <row r="258" spans="1:22" x14ac:dyDescent="0.25">
      <c r="A258" s="3" t="s">
        <v>913</v>
      </c>
      <c r="B258" s="4" t="s">
        <v>629</v>
      </c>
      <c r="C258" s="3" t="s">
        <v>630</v>
      </c>
      <c r="D258" s="5" t="s">
        <v>1110</v>
      </c>
      <c r="E258" s="3" t="s">
        <v>925</v>
      </c>
      <c r="F258" s="3" t="s">
        <v>1471</v>
      </c>
      <c r="G258" s="3" t="s">
        <v>63</v>
      </c>
      <c r="H258" s="3" t="s">
        <v>64</v>
      </c>
      <c r="I258" s="3" t="s">
        <v>927</v>
      </c>
      <c r="J258" s="3" t="s">
        <v>1472</v>
      </c>
      <c r="K258" s="3" t="s">
        <v>32</v>
      </c>
      <c r="L258" s="3" t="s">
        <v>33</v>
      </c>
      <c r="M258" s="3" t="s">
        <v>34</v>
      </c>
      <c r="N258" s="3" t="s">
        <v>67</v>
      </c>
      <c r="O258" s="3" t="s">
        <v>52</v>
      </c>
      <c r="P258" s="3" t="s">
        <v>37</v>
      </c>
      <c r="Q258" s="3" t="s">
        <v>37</v>
      </c>
      <c r="R258" s="3" t="s">
        <v>38</v>
      </c>
      <c r="S258" s="3" t="s">
        <v>1473</v>
      </c>
      <c r="T258" s="3" t="s">
        <v>37</v>
      </c>
      <c r="U258" s="3" t="s">
        <v>37</v>
      </c>
      <c r="V258" s="3" t="s">
        <v>37</v>
      </c>
    </row>
    <row r="259" spans="1:22" x14ac:dyDescent="0.25">
      <c r="A259" s="3"/>
      <c r="B259" s="4"/>
      <c r="C259" s="3"/>
      <c r="D259" s="5"/>
      <c r="E259" s="6" t="s">
        <v>1115</v>
      </c>
      <c r="F259" s="3"/>
      <c r="G259" s="3"/>
      <c r="H259" s="3"/>
      <c r="I259" s="3"/>
      <c r="J259" s="3"/>
      <c r="K259" s="3"/>
      <c r="L259" s="3"/>
      <c r="M259" s="3"/>
      <c r="N259" s="3"/>
      <c r="O259" s="3"/>
      <c r="P259" s="3"/>
      <c r="Q259" s="3"/>
      <c r="R259" s="3"/>
      <c r="S259" s="3"/>
      <c r="T259" s="3"/>
      <c r="U259" s="3" t="s">
        <v>37</v>
      </c>
      <c r="V259" s="3" t="s">
        <v>37</v>
      </c>
    </row>
    <row r="260" spans="1:22" x14ac:dyDescent="0.25">
      <c r="A260" s="3"/>
      <c r="B260" s="4"/>
      <c r="C260" s="3"/>
      <c r="D260" s="5"/>
      <c r="E260" s="3"/>
      <c r="F260" s="3"/>
      <c r="G260" s="3"/>
      <c r="H260" s="3"/>
      <c r="I260" s="3"/>
      <c r="J260" s="3"/>
      <c r="K260" s="3"/>
      <c r="L260" s="3"/>
      <c r="M260" s="3"/>
      <c r="N260" s="3"/>
      <c r="O260" s="3"/>
      <c r="P260" s="3"/>
      <c r="Q260" s="3"/>
      <c r="R260" s="3"/>
      <c r="S260" s="3"/>
      <c r="T260" s="3"/>
      <c r="U260" s="3" t="s">
        <v>37</v>
      </c>
      <c r="V260" s="3" t="s">
        <v>37</v>
      </c>
    </row>
    <row r="261" spans="1:22" x14ac:dyDescent="0.25">
      <c r="A261" s="3" t="s">
        <v>913</v>
      </c>
      <c r="B261" s="4" t="s">
        <v>698</v>
      </c>
      <c r="C261" s="3" t="s">
        <v>699</v>
      </c>
      <c r="D261" s="5" t="s">
        <v>25</v>
      </c>
      <c r="E261" s="3" t="s">
        <v>914</v>
      </c>
      <c r="F261" s="3" t="s">
        <v>1474</v>
      </c>
      <c r="G261" s="3" t="s">
        <v>77</v>
      </c>
      <c r="H261" s="3" t="s">
        <v>29</v>
      </c>
      <c r="I261" s="3" t="s">
        <v>1475</v>
      </c>
      <c r="J261" s="3" t="s">
        <v>1476</v>
      </c>
      <c r="K261" s="3" t="s">
        <v>32</v>
      </c>
      <c r="L261" s="3" t="s">
        <v>33</v>
      </c>
      <c r="M261" s="3" t="s">
        <v>66</v>
      </c>
      <c r="N261" s="3" t="s">
        <v>918</v>
      </c>
      <c r="O261" s="3" t="s">
        <v>86</v>
      </c>
      <c r="P261" s="3" t="s">
        <v>37</v>
      </c>
      <c r="Q261" s="3" t="s">
        <v>37</v>
      </c>
      <c r="R261" s="3" t="s">
        <v>38</v>
      </c>
      <c r="S261" s="3" t="s">
        <v>1477</v>
      </c>
      <c r="T261" s="3" t="s">
        <v>37</v>
      </c>
      <c r="U261" s="3" t="s">
        <v>37</v>
      </c>
      <c r="V261" s="3" t="s">
        <v>37</v>
      </c>
    </row>
    <row r="262" spans="1:22" x14ac:dyDescent="0.25">
      <c r="A262" s="3" t="s">
        <v>913</v>
      </c>
      <c r="B262" s="4" t="s">
        <v>698</v>
      </c>
      <c r="C262" s="3" t="s">
        <v>699</v>
      </c>
      <c r="D262" s="5" t="s">
        <v>920</v>
      </c>
      <c r="E262" s="3" t="s">
        <v>914</v>
      </c>
      <c r="F262" s="3" t="s">
        <v>1478</v>
      </c>
      <c r="G262" s="3" t="s">
        <v>84</v>
      </c>
      <c r="H262" s="3" t="s">
        <v>29</v>
      </c>
      <c r="I262" s="3" t="s">
        <v>1479</v>
      </c>
      <c r="J262" s="3" t="s">
        <v>1480</v>
      </c>
      <c r="K262" s="3" t="s">
        <v>32</v>
      </c>
      <c r="L262" s="3" t="s">
        <v>33</v>
      </c>
      <c r="M262" s="3" t="s">
        <v>66</v>
      </c>
      <c r="N262" s="3" t="s">
        <v>918</v>
      </c>
      <c r="O262" s="3" t="s">
        <v>86</v>
      </c>
      <c r="P262" s="3" t="s">
        <v>37</v>
      </c>
      <c r="Q262" s="3" t="s">
        <v>37</v>
      </c>
      <c r="R262" s="3" t="s">
        <v>38</v>
      </c>
      <c r="S262" s="3" t="s">
        <v>1481</v>
      </c>
      <c r="T262" s="3" t="s">
        <v>37</v>
      </c>
      <c r="U262" s="3" t="s">
        <v>37</v>
      </c>
      <c r="V262" s="3" t="s">
        <v>37</v>
      </c>
    </row>
    <row r="263" spans="1:22" x14ac:dyDescent="0.25">
      <c r="A263" s="3" t="s">
        <v>913</v>
      </c>
      <c r="B263" s="4" t="s">
        <v>698</v>
      </c>
      <c r="C263" s="3" t="s">
        <v>699</v>
      </c>
      <c r="D263" s="5" t="s">
        <v>45</v>
      </c>
      <c r="E263" s="3" t="s">
        <v>936</v>
      </c>
      <c r="F263" s="3" t="s">
        <v>997</v>
      </c>
      <c r="G263" s="3" t="s">
        <v>816</v>
      </c>
      <c r="H263" s="3" t="s">
        <v>64</v>
      </c>
      <c r="I263" s="3" t="s">
        <v>938</v>
      </c>
      <c r="J263" s="3" t="s">
        <v>998</v>
      </c>
      <c r="K263" s="3" t="s">
        <v>32</v>
      </c>
      <c r="L263" s="3" t="s">
        <v>33</v>
      </c>
      <c r="M263" s="3" t="s">
        <v>940</v>
      </c>
      <c r="N263" s="3" t="s">
        <v>80</v>
      </c>
      <c r="O263" s="3" t="s">
        <v>152</v>
      </c>
      <c r="P263" s="3" t="s">
        <v>37</v>
      </c>
      <c r="Q263" s="3" t="s">
        <v>37</v>
      </c>
      <c r="R263" s="3" t="s">
        <v>38</v>
      </c>
      <c r="S263" s="3" t="s">
        <v>999</v>
      </c>
      <c r="T263" s="3" t="s">
        <v>37</v>
      </c>
      <c r="U263" s="3" t="s">
        <v>37</v>
      </c>
      <c r="V263" s="3" t="s">
        <v>37</v>
      </c>
    </row>
    <row r="264" spans="1:22" x14ac:dyDescent="0.25">
      <c r="A264" s="3" t="s">
        <v>913</v>
      </c>
      <c r="B264" s="4" t="s">
        <v>698</v>
      </c>
      <c r="C264" s="3" t="s">
        <v>699</v>
      </c>
      <c r="D264" s="5" t="s">
        <v>1212</v>
      </c>
      <c r="E264" s="3" t="s">
        <v>936</v>
      </c>
      <c r="F264" s="3" t="s">
        <v>1000</v>
      </c>
      <c r="G264" s="3" t="s">
        <v>202</v>
      </c>
      <c r="H264" s="3" t="s">
        <v>64</v>
      </c>
      <c r="I264" s="3" t="s">
        <v>938</v>
      </c>
      <c r="J264" s="3" t="s">
        <v>1001</v>
      </c>
      <c r="K264" s="3" t="s">
        <v>32</v>
      </c>
      <c r="L264" s="3" t="s">
        <v>33</v>
      </c>
      <c r="M264" s="3" t="s">
        <v>940</v>
      </c>
      <c r="N264" s="3" t="s">
        <v>80</v>
      </c>
      <c r="O264" s="3" t="s">
        <v>152</v>
      </c>
      <c r="P264" s="3" t="s">
        <v>37</v>
      </c>
      <c r="Q264" s="3" t="s">
        <v>37</v>
      </c>
      <c r="R264" s="3" t="s">
        <v>38</v>
      </c>
      <c r="S264" s="3" t="s">
        <v>1002</v>
      </c>
      <c r="T264" s="3" t="s">
        <v>37</v>
      </c>
      <c r="U264" s="3"/>
      <c r="V264" s="3"/>
    </row>
    <row r="265" spans="1:22" x14ac:dyDescent="0.25">
      <c r="A265" s="3" t="s">
        <v>913</v>
      </c>
      <c r="B265" s="4" t="s">
        <v>698</v>
      </c>
      <c r="C265" s="3" t="s">
        <v>699</v>
      </c>
      <c r="D265" s="5" t="s">
        <v>1213</v>
      </c>
      <c r="E265" s="3" t="s">
        <v>936</v>
      </c>
      <c r="F265" s="3" t="s">
        <v>1034</v>
      </c>
      <c r="G265" s="3" t="s">
        <v>64</v>
      </c>
      <c r="H265" s="3" t="s">
        <v>64</v>
      </c>
      <c r="I265" s="3" t="s">
        <v>938</v>
      </c>
      <c r="J265" s="3" t="s">
        <v>1035</v>
      </c>
      <c r="K265" s="3" t="s">
        <v>32</v>
      </c>
      <c r="L265" s="3" t="s">
        <v>33</v>
      </c>
      <c r="M265" s="3" t="s">
        <v>940</v>
      </c>
      <c r="N265" s="3" t="s">
        <v>80</v>
      </c>
      <c r="O265" s="3" t="s">
        <v>152</v>
      </c>
      <c r="P265" s="3" t="s">
        <v>37</v>
      </c>
      <c r="Q265" s="3" t="s">
        <v>37</v>
      </c>
      <c r="R265" s="3" t="s">
        <v>38</v>
      </c>
      <c r="S265" s="3" t="s">
        <v>1036</v>
      </c>
      <c r="T265" s="3" t="s">
        <v>37</v>
      </c>
      <c r="U265" s="3"/>
      <c r="V265" s="3"/>
    </row>
    <row r="266" spans="1:22" x14ac:dyDescent="0.25">
      <c r="A266" s="3" t="s">
        <v>913</v>
      </c>
      <c r="B266" s="4" t="s">
        <v>698</v>
      </c>
      <c r="C266" s="3" t="s">
        <v>699</v>
      </c>
      <c r="D266" s="5" t="s">
        <v>930</v>
      </c>
      <c r="E266" s="3" t="s">
        <v>936</v>
      </c>
      <c r="F266" s="3" t="s">
        <v>1465</v>
      </c>
      <c r="G266" s="3" t="s">
        <v>134</v>
      </c>
      <c r="H266" s="3" t="s">
        <v>64</v>
      </c>
      <c r="I266" s="3" t="s">
        <v>951</v>
      </c>
      <c r="J266" s="3" t="s">
        <v>1466</v>
      </c>
      <c r="K266" s="3" t="s">
        <v>32</v>
      </c>
      <c r="L266" s="3" t="s">
        <v>33</v>
      </c>
      <c r="M266" s="3" t="s">
        <v>940</v>
      </c>
      <c r="N266" s="3" t="s">
        <v>80</v>
      </c>
      <c r="O266" s="3" t="s">
        <v>152</v>
      </c>
      <c r="P266" s="3" t="s">
        <v>37</v>
      </c>
      <c r="Q266" s="3" t="s">
        <v>37</v>
      </c>
      <c r="R266" s="3" t="s">
        <v>38</v>
      </c>
      <c r="S266" s="3" t="s">
        <v>1467</v>
      </c>
      <c r="T266" s="3" t="s">
        <v>37</v>
      </c>
      <c r="U266" s="3" t="s">
        <v>37</v>
      </c>
      <c r="V266" s="3" t="s">
        <v>37</v>
      </c>
    </row>
    <row r="267" spans="1:22" x14ac:dyDescent="0.25">
      <c r="A267" s="3" t="s">
        <v>913</v>
      </c>
      <c r="B267" s="4" t="s">
        <v>698</v>
      </c>
      <c r="C267" s="3" t="s">
        <v>699</v>
      </c>
      <c r="D267" s="5" t="s">
        <v>1217</v>
      </c>
      <c r="E267" s="3" t="s">
        <v>936</v>
      </c>
      <c r="F267" s="3" t="s">
        <v>1468</v>
      </c>
      <c r="G267" s="3" t="s">
        <v>321</v>
      </c>
      <c r="H267" s="3" t="s">
        <v>64</v>
      </c>
      <c r="I267" s="3" t="s">
        <v>938</v>
      </c>
      <c r="J267" s="3" t="s">
        <v>1469</v>
      </c>
      <c r="K267" s="3" t="s">
        <v>32</v>
      </c>
      <c r="L267" s="3" t="s">
        <v>33</v>
      </c>
      <c r="M267" s="3" t="s">
        <v>940</v>
      </c>
      <c r="N267" s="3" t="s">
        <v>80</v>
      </c>
      <c r="O267" s="3" t="s">
        <v>152</v>
      </c>
      <c r="P267" s="3" t="s">
        <v>37</v>
      </c>
      <c r="Q267" s="3" t="s">
        <v>37</v>
      </c>
      <c r="R267" s="3" t="s">
        <v>38</v>
      </c>
      <c r="S267" s="3" t="s">
        <v>1470</v>
      </c>
      <c r="T267" s="3" t="s">
        <v>37</v>
      </c>
      <c r="U267" s="3" t="s">
        <v>37</v>
      </c>
      <c r="V267" s="3" t="s">
        <v>37</v>
      </c>
    </row>
    <row r="268" spans="1:22" x14ac:dyDescent="0.25">
      <c r="A268" s="3" t="s">
        <v>913</v>
      </c>
      <c r="B268" s="4" t="s">
        <v>698</v>
      </c>
      <c r="C268" s="3" t="s">
        <v>699</v>
      </c>
      <c r="D268" s="5" t="s">
        <v>1221</v>
      </c>
      <c r="E268" s="3" t="s">
        <v>936</v>
      </c>
      <c r="F268" s="3" t="s">
        <v>1482</v>
      </c>
      <c r="G268" s="3" t="s">
        <v>272</v>
      </c>
      <c r="H268" s="3" t="s">
        <v>64</v>
      </c>
      <c r="I268" s="3" t="s">
        <v>938</v>
      </c>
      <c r="J268" s="3" t="s">
        <v>1483</v>
      </c>
      <c r="K268" s="3" t="s">
        <v>32</v>
      </c>
      <c r="L268" s="3" t="s">
        <v>33</v>
      </c>
      <c r="M268" s="3" t="s">
        <v>940</v>
      </c>
      <c r="N268" s="3" t="s">
        <v>80</v>
      </c>
      <c r="O268" s="3" t="s">
        <v>152</v>
      </c>
      <c r="P268" s="3" t="s">
        <v>37</v>
      </c>
      <c r="Q268" s="3" t="s">
        <v>37</v>
      </c>
      <c r="R268" s="3" t="s">
        <v>38</v>
      </c>
      <c r="S268" s="3" t="s">
        <v>1484</v>
      </c>
      <c r="T268" s="3" t="s">
        <v>37</v>
      </c>
      <c r="U268" s="3" t="s">
        <v>37</v>
      </c>
      <c r="V268" s="3" t="s">
        <v>37</v>
      </c>
    </row>
    <row r="269" spans="1:22" x14ac:dyDescent="0.25">
      <c r="A269" s="3" t="s">
        <v>913</v>
      </c>
      <c r="B269" s="4" t="s">
        <v>698</v>
      </c>
      <c r="C269" s="3" t="s">
        <v>699</v>
      </c>
      <c r="D269" s="5" t="s">
        <v>935</v>
      </c>
      <c r="E269" s="3" t="s">
        <v>490</v>
      </c>
      <c r="F269" s="3" t="s">
        <v>1485</v>
      </c>
      <c r="G269" s="3" t="s">
        <v>106</v>
      </c>
      <c r="H269" s="3" t="s">
        <v>64</v>
      </c>
      <c r="I269" s="3" t="s">
        <v>1486</v>
      </c>
      <c r="J269" s="3" t="s">
        <v>1487</v>
      </c>
      <c r="K269" s="3" t="s">
        <v>32</v>
      </c>
      <c r="L269" s="3" t="s">
        <v>494</v>
      </c>
      <c r="M269" s="3" t="s">
        <v>34</v>
      </c>
      <c r="N269" s="3" t="s">
        <v>35</v>
      </c>
      <c r="O269" s="3" t="s">
        <v>86</v>
      </c>
      <c r="P269" s="3" t="s">
        <v>37</v>
      </c>
      <c r="Q269" s="3" t="s">
        <v>37</v>
      </c>
      <c r="R269" s="3" t="s">
        <v>38</v>
      </c>
      <c r="S269" s="3" t="s">
        <v>1488</v>
      </c>
      <c r="T269" s="3" t="s">
        <v>37</v>
      </c>
      <c r="U269" s="3" t="s">
        <v>37</v>
      </c>
      <c r="V269" s="3" t="s">
        <v>37</v>
      </c>
    </row>
    <row r="270" spans="1:22" x14ac:dyDescent="0.25">
      <c r="A270" s="3" t="s">
        <v>913</v>
      </c>
      <c r="B270" s="4" t="s">
        <v>698</v>
      </c>
      <c r="C270" s="3" t="s">
        <v>699</v>
      </c>
      <c r="D270" s="5" t="s">
        <v>949</v>
      </c>
      <c r="E270" s="3" t="s">
        <v>490</v>
      </c>
      <c r="F270" s="3" t="s">
        <v>1489</v>
      </c>
      <c r="G270" s="3" t="s">
        <v>216</v>
      </c>
      <c r="H270" s="3" t="s">
        <v>78</v>
      </c>
      <c r="I270" s="3" t="s">
        <v>1112</v>
      </c>
      <c r="J270" s="3" t="s">
        <v>1490</v>
      </c>
      <c r="K270" s="3" t="s">
        <v>32</v>
      </c>
      <c r="L270" s="3" t="s">
        <v>33</v>
      </c>
      <c r="M270" s="3" t="s">
        <v>34</v>
      </c>
      <c r="N270" s="3" t="s">
        <v>80</v>
      </c>
      <c r="O270" s="3" t="s">
        <v>86</v>
      </c>
      <c r="P270" s="3" t="s">
        <v>37</v>
      </c>
      <c r="Q270" s="3" t="s">
        <v>37</v>
      </c>
      <c r="R270" s="3" t="s">
        <v>38</v>
      </c>
      <c r="S270" s="3" t="s">
        <v>1491</v>
      </c>
      <c r="T270" s="3" t="s">
        <v>37</v>
      </c>
      <c r="U270" s="3" t="s">
        <v>37</v>
      </c>
      <c r="V270" s="3" t="s">
        <v>37</v>
      </c>
    </row>
    <row r="271" spans="1:22" x14ac:dyDescent="0.25">
      <c r="A271" s="3" t="s">
        <v>913</v>
      </c>
      <c r="B271" s="4" t="s">
        <v>698</v>
      </c>
      <c r="C271" s="3" t="s">
        <v>699</v>
      </c>
      <c r="D271" s="5" t="s">
        <v>636</v>
      </c>
      <c r="E271" s="3" t="s">
        <v>1492</v>
      </c>
      <c r="F271" s="3" t="s">
        <v>37</v>
      </c>
      <c r="G271" s="3">
        <v>1</v>
      </c>
      <c r="H271" s="3">
        <v>0</v>
      </c>
      <c r="I271" s="3" t="s">
        <v>1408</v>
      </c>
      <c r="J271" s="3" t="s">
        <v>1493</v>
      </c>
      <c r="K271" s="3" t="s">
        <v>409</v>
      </c>
      <c r="L271" s="3" t="s">
        <v>37</v>
      </c>
      <c r="M271" s="3" t="s">
        <v>66</v>
      </c>
      <c r="N271" s="3" t="s">
        <v>370</v>
      </c>
      <c r="O271" s="3" t="s">
        <v>627</v>
      </c>
      <c r="P271" s="3" t="s">
        <v>37</v>
      </c>
      <c r="Q271" s="3" t="s">
        <v>37</v>
      </c>
      <c r="R271" s="3" t="s">
        <v>38</v>
      </c>
      <c r="S271" s="3" t="s">
        <v>1494</v>
      </c>
      <c r="T271" s="3" t="s">
        <v>37</v>
      </c>
      <c r="U271" s="3" t="s">
        <v>37</v>
      </c>
      <c r="V271" s="3" t="s">
        <v>37</v>
      </c>
    </row>
    <row r="272" spans="1:22" x14ac:dyDescent="0.25">
      <c r="A272" s="3" t="s">
        <v>913</v>
      </c>
      <c r="B272" s="4" t="s">
        <v>698</v>
      </c>
      <c r="C272" s="3" t="s">
        <v>699</v>
      </c>
      <c r="D272" s="5" t="s">
        <v>971</v>
      </c>
      <c r="E272" s="3" t="s">
        <v>931</v>
      </c>
      <c r="F272" s="3" t="s">
        <v>1246</v>
      </c>
      <c r="G272" s="3" t="s">
        <v>225</v>
      </c>
      <c r="H272" s="3" t="s">
        <v>64</v>
      </c>
      <c r="I272" s="3" t="s">
        <v>37</v>
      </c>
      <c r="J272" s="3" t="s">
        <v>1247</v>
      </c>
      <c r="K272" s="3" t="s">
        <v>32</v>
      </c>
      <c r="L272" s="3" t="s">
        <v>33</v>
      </c>
      <c r="M272" s="3" t="s">
        <v>66</v>
      </c>
      <c r="N272" s="3" t="s">
        <v>67</v>
      </c>
      <c r="O272" s="3" t="s">
        <v>52</v>
      </c>
      <c r="P272" s="3" t="s">
        <v>37</v>
      </c>
      <c r="Q272" s="3" t="s">
        <v>37</v>
      </c>
      <c r="R272" s="3" t="s">
        <v>38</v>
      </c>
      <c r="S272" s="3" t="s">
        <v>1248</v>
      </c>
      <c r="T272" s="3" t="s">
        <v>37</v>
      </c>
      <c r="U272" s="3" t="s">
        <v>37</v>
      </c>
      <c r="V272" s="3" t="s">
        <v>37</v>
      </c>
    </row>
    <row r="273" spans="1:22" x14ac:dyDescent="0.25">
      <c r="A273" s="3" t="s">
        <v>913</v>
      </c>
      <c r="B273" s="4" t="s">
        <v>698</v>
      </c>
      <c r="C273" s="3" t="s">
        <v>699</v>
      </c>
      <c r="D273" s="5" t="s">
        <v>976</v>
      </c>
      <c r="E273" s="3" t="s">
        <v>931</v>
      </c>
      <c r="F273" s="3" t="s">
        <v>1332</v>
      </c>
      <c r="G273" s="3" t="s">
        <v>340</v>
      </c>
      <c r="H273" s="3" t="s">
        <v>64</v>
      </c>
      <c r="I273" s="3" t="s">
        <v>37</v>
      </c>
      <c r="J273" s="3" t="s">
        <v>1333</v>
      </c>
      <c r="K273" s="3" t="s">
        <v>32</v>
      </c>
      <c r="L273" s="3" t="s">
        <v>33</v>
      </c>
      <c r="M273" s="3" t="s">
        <v>66</v>
      </c>
      <c r="N273" s="3" t="s">
        <v>67</v>
      </c>
      <c r="O273" s="3" t="s">
        <v>52</v>
      </c>
      <c r="P273" s="3" t="s">
        <v>37</v>
      </c>
      <c r="Q273" s="3" t="s">
        <v>37</v>
      </c>
      <c r="R273" s="3" t="s">
        <v>38</v>
      </c>
      <c r="S273" s="3" t="s">
        <v>1334</v>
      </c>
      <c r="T273" s="3" t="s">
        <v>37</v>
      </c>
      <c r="U273" s="3" t="s">
        <v>37</v>
      </c>
      <c r="V273" s="3" t="s">
        <v>37</v>
      </c>
    </row>
    <row r="274" spans="1:22" x14ac:dyDescent="0.25">
      <c r="A274" s="3" t="s">
        <v>913</v>
      </c>
      <c r="B274" s="4" t="s">
        <v>698</v>
      </c>
      <c r="C274" s="3" t="s">
        <v>699</v>
      </c>
      <c r="D274" s="5" t="s">
        <v>980</v>
      </c>
      <c r="E274" s="3" t="s">
        <v>931</v>
      </c>
      <c r="F274" s="3" t="s">
        <v>1495</v>
      </c>
      <c r="G274" s="3" t="s">
        <v>63</v>
      </c>
      <c r="H274" s="3" t="s">
        <v>64</v>
      </c>
      <c r="I274" s="3" t="s">
        <v>37</v>
      </c>
      <c r="J274" s="3" t="s">
        <v>1496</v>
      </c>
      <c r="K274" s="3" t="s">
        <v>32</v>
      </c>
      <c r="L274" s="3" t="s">
        <v>33</v>
      </c>
      <c r="M274" s="3" t="s">
        <v>66</v>
      </c>
      <c r="N274" s="3" t="s">
        <v>67</v>
      </c>
      <c r="O274" s="3" t="s">
        <v>52</v>
      </c>
      <c r="P274" s="3" t="s">
        <v>37</v>
      </c>
      <c r="Q274" s="3" t="s">
        <v>37</v>
      </c>
      <c r="R274" s="3" t="s">
        <v>38</v>
      </c>
      <c r="S274" s="3" t="s">
        <v>1497</v>
      </c>
      <c r="T274" s="3" t="s">
        <v>37</v>
      </c>
      <c r="U274" s="3" t="s">
        <v>37</v>
      </c>
      <c r="V274" s="3" t="s">
        <v>37</v>
      </c>
    </row>
    <row r="275" spans="1:22" x14ac:dyDescent="0.25">
      <c r="A275" s="3" t="s">
        <v>913</v>
      </c>
      <c r="B275" s="4" t="s">
        <v>698</v>
      </c>
      <c r="C275" s="3" t="s">
        <v>699</v>
      </c>
      <c r="D275" s="5" t="s">
        <v>986</v>
      </c>
      <c r="E275" s="3" t="s">
        <v>931</v>
      </c>
      <c r="F275" s="3" t="s">
        <v>1060</v>
      </c>
      <c r="G275" s="3" t="s">
        <v>734</v>
      </c>
      <c r="H275" s="3" t="s">
        <v>64</v>
      </c>
      <c r="I275" s="3" t="s">
        <v>37</v>
      </c>
      <c r="J275" s="3" t="s">
        <v>1061</v>
      </c>
      <c r="K275" s="3" t="s">
        <v>32</v>
      </c>
      <c r="L275" s="3" t="s">
        <v>33</v>
      </c>
      <c r="M275" s="3" t="s">
        <v>66</v>
      </c>
      <c r="N275" s="3" t="s">
        <v>67</v>
      </c>
      <c r="O275" s="3" t="s">
        <v>52</v>
      </c>
      <c r="P275" s="3" t="s">
        <v>37</v>
      </c>
      <c r="Q275" s="3" t="s">
        <v>37</v>
      </c>
      <c r="R275" s="3" t="s">
        <v>38</v>
      </c>
      <c r="S275" s="3" t="s">
        <v>1062</v>
      </c>
      <c r="T275" s="3" t="s">
        <v>37</v>
      </c>
      <c r="U275" s="3" t="s">
        <v>37</v>
      </c>
      <c r="V275" s="3" t="s">
        <v>37</v>
      </c>
    </row>
    <row r="276" spans="1:22" x14ac:dyDescent="0.25">
      <c r="A276" s="3" t="s">
        <v>913</v>
      </c>
      <c r="B276" s="4" t="s">
        <v>698</v>
      </c>
      <c r="C276" s="3" t="s">
        <v>699</v>
      </c>
      <c r="D276" s="5" t="s">
        <v>990</v>
      </c>
      <c r="E276" s="3" t="s">
        <v>490</v>
      </c>
      <c r="F276" s="3" t="s">
        <v>497</v>
      </c>
      <c r="G276" s="3" t="s">
        <v>291</v>
      </c>
      <c r="H276" s="3" t="s">
        <v>64</v>
      </c>
      <c r="I276" s="3" t="s">
        <v>498</v>
      </c>
      <c r="J276" s="3" t="s">
        <v>499</v>
      </c>
      <c r="K276" s="3" t="s">
        <v>32</v>
      </c>
      <c r="L276" s="3" t="s">
        <v>494</v>
      </c>
      <c r="M276" s="3" t="s">
        <v>34</v>
      </c>
      <c r="N276" s="3" t="s">
        <v>35</v>
      </c>
      <c r="O276" s="3" t="s">
        <v>86</v>
      </c>
      <c r="P276" s="3" t="s">
        <v>37</v>
      </c>
      <c r="Q276" s="3" t="s">
        <v>37</v>
      </c>
      <c r="R276" s="3" t="s">
        <v>38</v>
      </c>
      <c r="S276" s="3" t="s">
        <v>500</v>
      </c>
      <c r="T276" s="3" t="s">
        <v>37</v>
      </c>
      <c r="U276" s="3" t="s">
        <v>37</v>
      </c>
      <c r="V276" s="3" t="s">
        <v>37</v>
      </c>
    </row>
    <row r="277" spans="1:22" x14ac:dyDescent="0.25">
      <c r="A277" s="3" t="s">
        <v>913</v>
      </c>
      <c r="B277" s="4" t="s">
        <v>698</v>
      </c>
      <c r="C277" s="3" t="s">
        <v>699</v>
      </c>
      <c r="D277" s="5" t="s">
        <v>447</v>
      </c>
      <c r="E277" s="3" t="s">
        <v>490</v>
      </c>
      <c r="F277" s="3" t="s">
        <v>603</v>
      </c>
      <c r="G277" s="3" t="s">
        <v>63</v>
      </c>
      <c r="H277" s="3" t="s">
        <v>64</v>
      </c>
      <c r="I277" s="3" t="s">
        <v>498</v>
      </c>
      <c r="J277" s="3" t="s">
        <v>604</v>
      </c>
      <c r="K277" s="3" t="s">
        <v>32</v>
      </c>
      <c r="L277" s="3" t="s">
        <v>494</v>
      </c>
      <c r="M277" s="3" t="s">
        <v>34</v>
      </c>
      <c r="N277" s="3" t="s">
        <v>35</v>
      </c>
      <c r="O277" s="3" t="s">
        <v>86</v>
      </c>
      <c r="P277" s="3" t="s">
        <v>37</v>
      </c>
      <c r="Q277" s="3" t="s">
        <v>37</v>
      </c>
      <c r="R277" s="3" t="s">
        <v>38</v>
      </c>
      <c r="S277" s="3" t="s">
        <v>605</v>
      </c>
      <c r="T277" s="3" t="s">
        <v>37</v>
      </c>
      <c r="U277" s="3" t="s">
        <v>37</v>
      </c>
      <c r="V277" s="3" t="s">
        <v>37</v>
      </c>
    </row>
    <row r="278" spans="1:22" x14ac:dyDescent="0.25">
      <c r="A278" s="3" t="s">
        <v>913</v>
      </c>
      <c r="B278" s="4" t="s">
        <v>698</v>
      </c>
      <c r="C278" s="3" t="s">
        <v>699</v>
      </c>
      <c r="D278" s="5" t="s">
        <v>122</v>
      </c>
      <c r="E278" s="3" t="s">
        <v>490</v>
      </c>
      <c r="F278" s="3" t="s">
        <v>1498</v>
      </c>
      <c r="G278" s="3" t="s">
        <v>42</v>
      </c>
      <c r="H278" s="3" t="s">
        <v>29</v>
      </c>
      <c r="I278" s="3" t="s">
        <v>1112</v>
      </c>
      <c r="J278" s="3" t="s">
        <v>1499</v>
      </c>
      <c r="K278" s="3" t="s">
        <v>32</v>
      </c>
      <c r="L278" s="3" t="s">
        <v>37</v>
      </c>
      <c r="M278" s="3" t="s">
        <v>34</v>
      </c>
      <c r="N278" s="3" t="s">
        <v>137</v>
      </c>
      <c r="O278" s="3" t="s">
        <v>86</v>
      </c>
      <c r="P278" s="3" t="s">
        <v>37</v>
      </c>
      <c r="Q278" s="3" t="s">
        <v>37</v>
      </c>
      <c r="R278" s="3" t="s">
        <v>38</v>
      </c>
      <c r="S278" s="3" t="s">
        <v>1500</v>
      </c>
      <c r="T278" s="3" t="s">
        <v>37</v>
      </c>
      <c r="U278" s="3" t="s">
        <v>37</v>
      </c>
      <c r="V278" s="3" t="s">
        <v>37</v>
      </c>
    </row>
    <row r="279" spans="1:22" x14ac:dyDescent="0.25">
      <c r="A279" s="3" t="s">
        <v>913</v>
      </c>
      <c r="B279" s="4" t="s">
        <v>698</v>
      </c>
      <c r="C279" s="3" t="s">
        <v>699</v>
      </c>
      <c r="D279" s="5" t="s">
        <v>319</v>
      </c>
      <c r="E279" s="3" t="s">
        <v>490</v>
      </c>
      <c r="F279" s="3" t="s">
        <v>1501</v>
      </c>
      <c r="G279" s="3" t="s">
        <v>156</v>
      </c>
      <c r="H279" s="3" t="s">
        <v>29</v>
      </c>
      <c r="I279" s="3" t="s">
        <v>1112</v>
      </c>
      <c r="J279" s="3" t="s">
        <v>1502</v>
      </c>
      <c r="K279" s="3" t="s">
        <v>32</v>
      </c>
      <c r="L279" s="3" t="s">
        <v>37</v>
      </c>
      <c r="M279" s="3" t="s">
        <v>34</v>
      </c>
      <c r="N279" s="3" t="s">
        <v>137</v>
      </c>
      <c r="O279" s="3" t="s">
        <v>86</v>
      </c>
      <c r="P279" s="3" t="s">
        <v>37</v>
      </c>
      <c r="Q279" s="3" t="s">
        <v>37</v>
      </c>
      <c r="R279" s="3" t="s">
        <v>38</v>
      </c>
      <c r="S279" s="3" t="s">
        <v>1503</v>
      </c>
      <c r="T279" s="3" t="s">
        <v>37</v>
      </c>
      <c r="U279" s="3" t="s">
        <v>37</v>
      </c>
      <c r="V279" s="3" t="s">
        <v>37</v>
      </c>
    </row>
    <row r="280" spans="1:22" x14ac:dyDescent="0.25">
      <c r="A280" s="3" t="s">
        <v>913</v>
      </c>
      <c r="B280" s="4" t="s">
        <v>698</v>
      </c>
      <c r="C280" s="3" t="s">
        <v>699</v>
      </c>
      <c r="D280" s="5" t="s">
        <v>131</v>
      </c>
      <c r="E280" s="3" t="s">
        <v>936</v>
      </c>
      <c r="F280" s="3" t="s">
        <v>1003</v>
      </c>
      <c r="G280" s="3" t="s">
        <v>90</v>
      </c>
      <c r="H280" s="3" t="s">
        <v>64</v>
      </c>
      <c r="I280" s="3" t="s">
        <v>938</v>
      </c>
      <c r="J280" s="3" t="s">
        <v>1004</v>
      </c>
      <c r="K280" s="3" t="s">
        <v>32</v>
      </c>
      <c r="L280" s="3" t="s">
        <v>33</v>
      </c>
      <c r="M280" s="3" t="s">
        <v>940</v>
      </c>
      <c r="N280" s="3" t="s">
        <v>80</v>
      </c>
      <c r="O280" s="3" t="s">
        <v>152</v>
      </c>
      <c r="P280" s="3" t="s">
        <v>37</v>
      </c>
      <c r="Q280" s="3" t="s">
        <v>37</v>
      </c>
      <c r="R280" s="3" t="s">
        <v>38</v>
      </c>
      <c r="S280" s="3" t="s">
        <v>1005</v>
      </c>
      <c r="T280" s="3" t="s">
        <v>37</v>
      </c>
      <c r="U280" s="3" t="s">
        <v>37</v>
      </c>
      <c r="V280" s="3" t="s">
        <v>37</v>
      </c>
    </row>
    <row r="281" spans="1:22" x14ac:dyDescent="0.25">
      <c r="A281" s="3" t="s">
        <v>913</v>
      </c>
      <c r="B281" s="4" t="s">
        <v>698</v>
      </c>
      <c r="C281" s="3" t="s">
        <v>699</v>
      </c>
      <c r="D281" s="5" t="s">
        <v>656</v>
      </c>
      <c r="E281" s="3" t="s">
        <v>936</v>
      </c>
      <c r="F281" s="3" t="s">
        <v>1007</v>
      </c>
      <c r="G281" s="3" t="s">
        <v>95</v>
      </c>
      <c r="H281" s="3" t="s">
        <v>64</v>
      </c>
      <c r="I281" s="3" t="s">
        <v>938</v>
      </c>
      <c r="J281" s="3" t="s">
        <v>1008</v>
      </c>
      <c r="K281" s="3" t="s">
        <v>32</v>
      </c>
      <c r="L281" s="3" t="s">
        <v>33</v>
      </c>
      <c r="M281" s="3" t="s">
        <v>940</v>
      </c>
      <c r="N281" s="3" t="s">
        <v>80</v>
      </c>
      <c r="O281" s="3" t="s">
        <v>152</v>
      </c>
      <c r="P281" s="3" t="s">
        <v>37</v>
      </c>
      <c r="Q281" s="3" t="s">
        <v>37</v>
      </c>
      <c r="R281" s="3" t="s">
        <v>38</v>
      </c>
      <c r="S281" s="3" t="s">
        <v>1009</v>
      </c>
      <c r="T281" s="3" t="s">
        <v>37</v>
      </c>
      <c r="U281" s="3" t="s">
        <v>37</v>
      </c>
      <c r="V281" s="3" t="s">
        <v>37</v>
      </c>
    </row>
    <row r="282" spans="1:22" x14ac:dyDescent="0.25">
      <c r="A282" s="3" t="s">
        <v>913</v>
      </c>
      <c r="B282" s="4" t="s">
        <v>698</v>
      </c>
      <c r="C282" s="3" t="s">
        <v>699</v>
      </c>
      <c r="D282" s="5" t="s">
        <v>1037</v>
      </c>
      <c r="E282" s="3" t="s">
        <v>936</v>
      </c>
      <c r="F282" s="3" t="s">
        <v>1024</v>
      </c>
      <c r="G282" s="3" t="s">
        <v>177</v>
      </c>
      <c r="H282" s="3" t="s">
        <v>64</v>
      </c>
      <c r="I282" s="3" t="s">
        <v>938</v>
      </c>
      <c r="J282" s="3" t="s">
        <v>1025</v>
      </c>
      <c r="K282" s="3" t="s">
        <v>32</v>
      </c>
      <c r="L282" s="3" t="s">
        <v>33</v>
      </c>
      <c r="M282" s="3" t="s">
        <v>940</v>
      </c>
      <c r="N282" s="3" t="s">
        <v>80</v>
      </c>
      <c r="O282" s="3" t="s">
        <v>152</v>
      </c>
      <c r="P282" s="3" t="s">
        <v>37</v>
      </c>
      <c r="Q282" s="3" t="s">
        <v>37</v>
      </c>
      <c r="R282" s="3" t="s">
        <v>38</v>
      </c>
      <c r="S282" s="3" t="s">
        <v>1026</v>
      </c>
      <c r="T282" s="3" t="s">
        <v>37</v>
      </c>
      <c r="U282" s="3" t="s">
        <v>37</v>
      </c>
      <c r="V282" s="3" t="s">
        <v>37</v>
      </c>
    </row>
    <row r="283" spans="1:22" x14ac:dyDescent="0.25">
      <c r="A283" s="3" t="s">
        <v>913</v>
      </c>
      <c r="B283" s="4" t="s">
        <v>698</v>
      </c>
      <c r="C283" s="3" t="s">
        <v>699</v>
      </c>
      <c r="D283" s="5" t="s">
        <v>459</v>
      </c>
      <c r="E283" s="3" t="s">
        <v>936</v>
      </c>
      <c r="F283" s="3" t="s">
        <v>1010</v>
      </c>
      <c r="G283" s="3" t="s">
        <v>182</v>
      </c>
      <c r="H283" s="3" t="s">
        <v>64</v>
      </c>
      <c r="I283" s="3" t="s">
        <v>938</v>
      </c>
      <c r="J283" s="3" t="s">
        <v>1011</v>
      </c>
      <c r="K283" s="3" t="s">
        <v>32</v>
      </c>
      <c r="L283" s="3" t="s">
        <v>33</v>
      </c>
      <c r="M283" s="3" t="s">
        <v>940</v>
      </c>
      <c r="N283" s="3" t="s">
        <v>80</v>
      </c>
      <c r="O283" s="3" t="s">
        <v>152</v>
      </c>
      <c r="P283" s="3" t="s">
        <v>37</v>
      </c>
      <c r="Q283" s="3" t="s">
        <v>37</v>
      </c>
      <c r="R283" s="3" t="s">
        <v>38</v>
      </c>
      <c r="S283" s="3" t="s">
        <v>1012</v>
      </c>
      <c r="T283" s="3" t="s">
        <v>37</v>
      </c>
      <c r="U283" s="3" t="s">
        <v>37</v>
      </c>
      <c r="V283" s="3" t="s">
        <v>37</v>
      </c>
    </row>
    <row r="284" spans="1:22" x14ac:dyDescent="0.25">
      <c r="A284" s="3" t="s">
        <v>913</v>
      </c>
      <c r="B284" s="4" t="s">
        <v>698</v>
      </c>
      <c r="C284" s="3" t="s">
        <v>699</v>
      </c>
      <c r="D284" s="5" t="s">
        <v>1044</v>
      </c>
      <c r="E284" s="3" t="s">
        <v>936</v>
      </c>
      <c r="F284" s="3" t="s">
        <v>1013</v>
      </c>
      <c r="G284" s="3" t="s">
        <v>340</v>
      </c>
      <c r="H284" s="3" t="s">
        <v>64</v>
      </c>
      <c r="I284" s="3" t="s">
        <v>938</v>
      </c>
      <c r="J284" s="3" t="s">
        <v>1014</v>
      </c>
      <c r="K284" s="3" t="s">
        <v>32</v>
      </c>
      <c r="L284" s="3" t="s">
        <v>33</v>
      </c>
      <c r="M284" s="3" t="s">
        <v>940</v>
      </c>
      <c r="N284" s="3" t="s">
        <v>80</v>
      </c>
      <c r="O284" s="3" t="s">
        <v>152</v>
      </c>
      <c r="P284" s="3" t="s">
        <v>37</v>
      </c>
      <c r="Q284" s="3" t="s">
        <v>37</v>
      </c>
      <c r="R284" s="3" t="s">
        <v>38</v>
      </c>
      <c r="S284" s="3" t="s">
        <v>1015</v>
      </c>
      <c r="T284" s="3" t="s">
        <v>37</v>
      </c>
      <c r="U284" s="3" t="s">
        <v>37</v>
      </c>
      <c r="V284" s="3" t="s">
        <v>37</v>
      </c>
    </row>
    <row r="285" spans="1:22" x14ac:dyDescent="0.25">
      <c r="A285" s="3" t="s">
        <v>913</v>
      </c>
      <c r="B285" s="4" t="s">
        <v>698</v>
      </c>
      <c r="C285" s="3" t="s">
        <v>699</v>
      </c>
      <c r="D285" s="5" t="s">
        <v>145</v>
      </c>
      <c r="E285" s="3" t="s">
        <v>936</v>
      </c>
      <c r="F285" s="3" t="s">
        <v>1017</v>
      </c>
      <c r="G285" s="3" t="s">
        <v>344</v>
      </c>
      <c r="H285" s="3" t="s">
        <v>64</v>
      </c>
      <c r="I285" s="3" t="s">
        <v>938</v>
      </c>
      <c r="J285" s="3" t="s">
        <v>1018</v>
      </c>
      <c r="K285" s="3" t="s">
        <v>32</v>
      </c>
      <c r="L285" s="3" t="s">
        <v>33</v>
      </c>
      <c r="M285" s="3" t="s">
        <v>940</v>
      </c>
      <c r="N285" s="3" t="s">
        <v>80</v>
      </c>
      <c r="O285" s="3" t="s">
        <v>152</v>
      </c>
      <c r="P285" s="3" t="s">
        <v>37</v>
      </c>
      <c r="Q285" s="3" t="s">
        <v>37</v>
      </c>
      <c r="R285" s="3" t="s">
        <v>38</v>
      </c>
      <c r="S285" s="3" t="s">
        <v>1019</v>
      </c>
      <c r="T285" s="3" t="s">
        <v>37</v>
      </c>
      <c r="U285" s="3" t="s">
        <v>37</v>
      </c>
      <c r="V285" s="3" t="s">
        <v>37</v>
      </c>
    </row>
    <row r="286" spans="1:22" x14ac:dyDescent="0.25">
      <c r="A286" s="3" t="s">
        <v>913</v>
      </c>
      <c r="B286" s="4" t="s">
        <v>698</v>
      </c>
      <c r="C286" s="3" t="s">
        <v>699</v>
      </c>
      <c r="D286" s="5" t="s">
        <v>146</v>
      </c>
      <c r="E286" s="3" t="s">
        <v>936</v>
      </c>
      <c r="F286" s="3" t="s">
        <v>1436</v>
      </c>
      <c r="G286" s="3" t="s">
        <v>741</v>
      </c>
      <c r="H286" s="3" t="s">
        <v>64</v>
      </c>
      <c r="I286" s="3" t="s">
        <v>951</v>
      </c>
      <c r="J286" s="3" t="s">
        <v>1437</v>
      </c>
      <c r="K286" s="3" t="s">
        <v>32</v>
      </c>
      <c r="L286" s="3" t="s">
        <v>33</v>
      </c>
      <c r="M286" s="3" t="s">
        <v>940</v>
      </c>
      <c r="N286" s="3" t="s">
        <v>80</v>
      </c>
      <c r="O286" s="3" t="s">
        <v>152</v>
      </c>
      <c r="P286" s="3" t="s">
        <v>37</v>
      </c>
      <c r="Q286" s="3" t="s">
        <v>37</v>
      </c>
      <c r="R286" s="3" t="s">
        <v>38</v>
      </c>
      <c r="S286" s="3" t="s">
        <v>1438</v>
      </c>
      <c r="T286" s="3" t="s">
        <v>37</v>
      </c>
      <c r="U286" s="3" t="s">
        <v>37</v>
      </c>
      <c r="V286" s="3" t="s">
        <v>37</v>
      </c>
    </row>
    <row r="287" spans="1:22" x14ac:dyDescent="0.25">
      <c r="A287" s="3" t="s">
        <v>913</v>
      </c>
      <c r="B287" s="4" t="s">
        <v>698</v>
      </c>
      <c r="C287" s="3" t="s">
        <v>699</v>
      </c>
      <c r="D287" s="5" t="s">
        <v>1257</v>
      </c>
      <c r="E287" s="3" t="s">
        <v>936</v>
      </c>
      <c r="F287" s="3" t="s">
        <v>937</v>
      </c>
      <c r="G287" s="3" t="s">
        <v>704</v>
      </c>
      <c r="H287" s="3" t="s">
        <v>64</v>
      </c>
      <c r="I287" s="3" t="s">
        <v>938</v>
      </c>
      <c r="J287" s="3" t="s">
        <v>939</v>
      </c>
      <c r="K287" s="3" t="s">
        <v>32</v>
      </c>
      <c r="L287" s="3" t="s">
        <v>33</v>
      </c>
      <c r="M287" s="3" t="s">
        <v>940</v>
      </c>
      <c r="N287" s="3" t="s">
        <v>80</v>
      </c>
      <c r="O287" s="3" t="s">
        <v>152</v>
      </c>
      <c r="P287" s="3" t="s">
        <v>37</v>
      </c>
      <c r="Q287" s="3" t="s">
        <v>37</v>
      </c>
      <c r="R287" s="3" t="s">
        <v>38</v>
      </c>
      <c r="S287" s="3" t="s">
        <v>941</v>
      </c>
      <c r="T287" s="3" t="s">
        <v>37</v>
      </c>
      <c r="U287" s="3" t="s">
        <v>37</v>
      </c>
      <c r="V287" s="3" t="s">
        <v>37</v>
      </c>
    </row>
    <row r="288" spans="1:22" x14ac:dyDescent="0.25">
      <c r="A288" s="3" t="s">
        <v>913</v>
      </c>
      <c r="B288" s="4" t="s">
        <v>698</v>
      </c>
      <c r="C288" s="3" t="s">
        <v>699</v>
      </c>
      <c r="D288" s="5" t="s">
        <v>159</v>
      </c>
      <c r="E288" s="3" t="s">
        <v>490</v>
      </c>
      <c r="F288" s="3" t="s">
        <v>1504</v>
      </c>
      <c r="G288" s="3" t="s">
        <v>235</v>
      </c>
      <c r="H288" s="3" t="s">
        <v>64</v>
      </c>
      <c r="I288" s="3" t="s">
        <v>498</v>
      </c>
      <c r="J288" s="3" t="s">
        <v>1505</v>
      </c>
      <c r="K288" s="3" t="s">
        <v>32</v>
      </c>
      <c r="L288" s="3" t="s">
        <v>33</v>
      </c>
      <c r="M288" s="3" t="s">
        <v>34</v>
      </c>
      <c r="N288" s="3" t="s">
        <v>35</v>
      </c>
      <c r="O288" s="3" t="s">
        <v>1506</v>
      </c>
      <c r="P288" s="3" t="s">
        <v>37</v>
      </c>
      <c r="Q288" s="3" t="s">
        <v>37</v>
      </c>
      <c r="R288" s="3" t="s">
        <v>38</v>
      </c>
      <c r="S288" s="3" t="s">
        <v>1507</v>
      </c>
      <c r="T288" s="3" t="s">
        <v>37</v>
      </c>
      <c r="U288" s="3" t="s">
        <v>37</v>
      </c>
      <c r="V288" s="3" t="s">
        <v>37</v>
      </c>
    </row>
    <row r="289" spans="1:22" x14ac:dyDescent="0.25">
      <c r="A289" s="3" t="s">
        <v>913</v>
      </c>
      <c r="B289" s="4" t="s">
        <v>698</v>
      </c>
      <c r="C289" s="3" t="s">
        <v>699</v>
      </c>
      <c r="D289" s="5" t="s">
        <v>164</v>
      </c>
      <c r="E289" s="3" t="s">
        <v>1508</v>
      </c>
      <c r="F289" s="3" t="s">
        <v>1509</v>
      </c>
      <c r="G289" s="3" t="s">
        <v>225</v>
      </c>
      <c r="H289" s="3" t="s">
        <v>64</v>
      </c>
      <c r="I289" s="3" t="s">
        <v>37</v>
      </c>
      <c r="J289" s="3" t="s">
        <v>1510</v>
      </c>
      <c r="K289" s="3" t="s">
        <v>32</v>
      </c>
      <c r="L289" s="3" t="s">
        <v>1511</v>
      </c>
      <c r="M289" s="3" t="s">
        <v>34</v>
      </c>
      <c r="N289" s="3" t="s">
        <v>51</v>
      </c>
      <c r="O289" s="3" t="s">
        <v>1512</v>
      </c>
      <c r="P289" s="3" t="s">
        <v>37</v>
      </c>
      <c r="Q289" s="3" t="s">
        <v>37</v>
      </c>
      <c r="R289" s="3" t="s">
        <v>38</v>
      </c>
      <c r="S289" s="3" t="s">
        <v>1513</v>
      </c>
      <c r="T289" s="3" t="s">
        <v>37</v>
      </c>
      <c r="U289" s="3" t="s">
        <v>37</v>
      </c>
      <c r="V289" s="3" t="s">
        <v>37</v>
      </c>
    </row>
    <row r="290" spans="1:22" x14ac:dyDescent="0.25">
      <c r="A290" s="3" t="s">
        <v>913</v>
      </c>
      <c r="B290" s="4" t="s">
        <v>698</v>
      </c>
      <c r="C290" s="3" t="s">
        <v>699</v>
      </c>
      <c r="D290" s="5" t="s">
        <v>1059</v>
      </c>
      <c r="E290" s="3" t="s">
        <v>936</v>
      </c>
      <c r="F290" s="3" t="s">
        <v>1020</v>
      </c>
      <c r="G290" s="3" t="s">
        <v>568</v>
      </c>
      <c r="H290" s="3" t="s">
        <v>64</v>
      </c>
      <c r="I290" s="3" t="s">
        <v>951</v>
      </c>
      <c r="J290" s="3" t="s">
        <v>1021</v>
      </c>
      <c r="K290" s="3" t="s">
        <v>32</v>
      </c>
      <c r="L290" s="3" t="s">
        <v>33</v>
      </c>
      <c r="M290" s="3" t="s">
        <v>940</v>
      </c>
      <c r="N290" s="3" t="s">
        <v>80</v>
      </c>
      <c r="O290" s="3" t="s">
        <v>152</v>
      </c>
      <c r="P290" s="3" t="s">
        <v>37</v>
      </c>
      <c r="Q290" s="3" t="s">
        <v>37</v>
      </c>
      <c r="R290" s="3" t="s">
        <v>38</v>
      </c>
      <c r="S290" s="3" t="s">
        <v>1022</v>
      </c>
      <c r="T290" s="3" t="s">
        <v>37</v>
      </c>
      <c r="U290" s="3" t="s">
        <v>37</v>
      </c>
      <c r="V290" s="3" t="s">
        <v>37</v>
      </c>
    </row>
    <row r="291" spans="1:22" x14ac:dyDescent="0.25">
      <c r="A291" s="3" t="s">
        <v>913</v>
      </c>
      <c r="B291" s="4" t="s">
        <v>698</v>
      </c>
      <c r="C291" s="3" t="s">
        <v>699</v>
      </c>
      <c r="D291" s="5" t="s">
        <v>170</v>
      </c>
      <c r="E291" s="3" t="s">
        <v>936</v>
      </c>
      <c r="F291" s="3" t="s">
        <v>1028</v>
      </c>
      <c r="G291" s="3" t="s">
        <v>286</v>
      </c>
      <c r="H291" s="3" t="s">
        <v>64</v>
      </c>
      <c r="I291" s="3" t="s">
        <v>951</v>
      </c>
      <c r="J291" s="3" t="s">
        <v>1029</v>
      </c>
      <c r="K291" s="3" t="s">
        <v>32</v>
      </c>
      <c r="L291" s="3" t="s">
        <v>33</v>
      </c>
      <c r="M291" s="3" t="s">
        <v>940</v>
      </c>
      <c r="N291" s="3" t="s">
        <v>80</v>
      </c>
      <c r="O291" s="3" t="s">
        <v>152</v>
      </c>
      <c r="P291" s="3" t="s">
        <v>37</v>
      </c>
      <c r="Q291" s="3" t="s">
        <v>37</v>
      </c>
      <c r="R291" s="3" t="s">
        <v>38</v>
      </c>
      <c r="S291" s="3" t="s">
        <v>1030</v>
      </c>
      <c r="T291" s="3" t="s">
        <v>37</v>
      </c>
      <c r="U291" s="3" t="s">
        <v>37</v>
      </c>
      <c r="V291" s="3" t="s">
        <v>37</v>
      </c>
    </row>
    <row r="292" spans="1:22" x14ac:dyDescent="0.25">
      <c r="A292" s="3" t="s">
        <v>913</v>
      </c>
      <c r="B292" s="4" t="s">
        <v>698</v>
      </c>
      <c r="C292" s="3" t="s">
        <v>699</v>
      </c>
      <c r="D292" s="5" t="s">
        <v>1267</v>
      </c>
      <c r="E292" s="3" t="s">
        <v>936</v>
      </c>
      <c r="F292" s="3" t="s">
        <v>1038</v>
      </c>
      <c r="G292" s="3" t="s">
        <v>63</v>
      </c>
      <c r="H292" s="3" t="s">
        <v>64</v>
      </c>
      <c r="I292" s="3" t="s">
        <v>938</v>
      </c>
      <c r="J292" s="3" t="s">
        <v>1039</v>
      </c>
      <c r="K292" s="3" t="s">
        <v>32</v>
      </c>
      <c r="L292" s="3" t="s">
        <v>33</v>
      </c>
      <c r="M292" s="3" t="s">
        <v>940</v>
      </c>
      <c r="N292" s="3" t="s">
        <v>80</v>
      </c>
      <c r="O292" s="3" t="s">
        <v>152</v>
      </c>
      <c r="P292" s="3" t="s">
        <v>37</v>
      </c>
      <c r="Q292" s="3" t="s">
        <v>37</v>
      </c>
      <c r="R292" s="3" t="s">
        <v>38</v>
      </c>
      <c r="S292" s="3" t="s">
        <v>1040</v>
      </c>
      <c r="T292" s="3" t="s">
        <v>37</v>
      </c>
      <c r="U292" s="3" t="s">
        <v>37</v>
      </c>
      <c r="V292" s="3" t="s">
        <v>37</v>
      </c>
    </row>
    <row r="293" spans="1:22" x14ac:dyDescent="0.25">
      <c r="A293" s="3" t="s">
        <v>913</v>
      </c>
      <c r="B293" s="4" t="s">
        <v>698</v>
      </c>
      <c r="C293" s="3" t="s">
        <v>699</v>
      </c>
      <c r="D293" s="5" t="s">
        <v>1063</v>
      </c>
      <c r="E293" s="3" t="s">
        <v>961</v>
      </c>
      <c r="F293" s="3" t="s">
        <v>977</v>
      </c>
      <c r="G293" s="3" t="s">
        <v>299</v>
      </c>
      <c r="H293" s="3" t="s">
        <v>78</v>
      </c>
      <c r="I293" s="3" t="s">
        <v>37</v>
      </c>
      <c r="J293" s="7" t="s">
        <v>1064</v>
      </c>
      <c r="K293" s="3" t="s">
        <v>32</v>
      </c>
      <c r="L293" s="3" t="s">
        <v>33</v>
      </c>
      <c r="M293" s="3" t="s">
        <v>66</v>
      </c>
      <c r="N293" s="3" t="s">
        <v>80</v>
      </c>
      <c r="O293" s="3" t="s">
        <v>86</v>
      </c>
      <c r="P293" s="3" t="s">
        <v>37</v>
      </c>
      <c r="Q293" s="3" t="s">
        <v>37</v>
      </c>
      <c r="R293" s="3" t="s">
        <v>38</v>
      </c>
      <c r="S293" s="3" t="s">
        <v>1514</v>
      </c>
      <c r="T293" s="3" t="s">
        <v>37</v>
      </c>
      <c r="U293" s="3" t="s">
        <v>37</v>
      </c>
      <c r="V293" s="3" t="s">
        <v>37</v>
      </c>
    </row>
    <row r="294" spans="1:22" x14ac:dyDescent="0.25">
      <c r="A294" s="3" t="s">
        <v>913</v>
      </c>
      <c r="B294" s="4" t="s">
        <v>698</v>
      </c>
      <c r="C294" s="3" t="s">
        <v>699</v>
      </c>
      <c r="D294" s="5" t="s">
        <v>1066</v>
      </c>
      <c r="E294" s="3" t="s">
        <v>490</v>
      </c>
      <c r="F294" s="3" t="s">
        <v>1515</v>
      </c>
      <c r="G294" s="3" t="s">
        <v>1516</v>
      </c>
      <c r="H294" s="3" t="s">
        <v>78</v>
      </c>
      <c r="I294" s="3" t="s">
        <v>1112</v>
      </c>
      <c r="J294" s="3" t="s">
        <v>1517</v>
      </c>
      <c r="K294" s="3" t="s">
        <v>32</v>
      </c>
      <c r="L294" s="3" t="s">
        <v>33</v>
      </c>
      <c r="M294" s="3" t="s">
        <v>34</v>
      </c>
      <c r="N294" s="3" t="s">
        <v>80</v>
      </c>
      <c r="O294" s="3" t="s">
        <v>86</v>
      </c>
      <c r="P294" s="3" t="s">
        <v>37</v>
      </c>
      <c r="Q294" s="3" t="s">
        <v>37</v>
      </c>
      <c r="R294" s="3" t="s">
        <v>38</v>
      </c>
      <c r="S294" s="3" t="s">
        <v>1518</v>
      </c>
      <c r="T294" s="3" t="s">
        <v>121</v>
      </c>
      <c r="U294" s="3" t="s">
        <v>37</v>
      </c>
      <c r="V294" s="3" t="s">
        <v>37</v>
      </c>
    </row>
    <row r="295" spans="1:22" x14ac:dyDescent="0.25">
      <c r="A295" s="3" t="s">
        <v>913</v>
      </c>
      <c r="B295" s="4" t="s">
        <v>698</v>
      </c>
      <c r="C295" s="3" t="s">
        <v>699</v>
      </c>
      <c r="D295" s="5" t="s">
        <v>1069</v>
      </c>
      <c r="E295" s="3" t="s">
        <v>1051</v>
      </c>
      <c r="F295" s="3" t="s">
        <v>1445</v>
      </c>
      <c r="G295" s="3" t="s">
        <v>197</v>
      </c>
      <c r="H295" s="3" t="s">
        <v>29</v>
      </c>
      <c r="I295" s="3" t="s">
        <v>37</v>
      </c>
      <c r="J295" s="7" t="s">
        <v>1446</v>
      </c>
      <c r="K295" s="3" t="s">
        <v>32</v>
      </c>
      <c r="L295" s="3" t="s">
        <v>33</v>
      </c>
      <c r="M295" s="3" t="s">
        <v>66</v>
      </c>
      <c r="N295" s="3" t="s">
        <v>67</v>
      </c>
      <c r="O295" s="3" t="s">
        <v>86</v>
      </c>
      <c r="P295" s="3" t="s">
        <v>37</v>
      </c>
      <c r="Q295" s="3" t="s">
        <v>37</v>
      </c>
      <c r="R295" s="3" t="s">
        <v>38</v>
      </c>
      <c r="S295" s="3" t="s">
        <v>1519</v>
      </c>
      <c r="T295" s="3" t="s">
        <v>37</v>
      </c>
      <c r="U295" s="3" t="s">
        <v>37</v>
      </c>
      <c r="V295" s="3" t="s">
        <v>37</v>
      </c>
    </row>
    <row r="296" spans="1:22" x14ac:dyDescent="0.25">
      <c r="A296" s="3" t="s">
        <v>913</v>
      </c>
      <c r="B296" s="4" t="s">
        <v>698</v>
      </c>
      <c r="C296" s="3" t="s">
        <v>699</v>
      </c>
      <c r="D296" s="5" t="s">
        <v>1075</v>
      </c>
      <c r="E296" s="3" t="s">
        <v>490</v>
      </c>
      <c r="F296" s="3" t="s">
        <v>1520</v>
      </c>
      <c r="G296" s="3" t="s">
        <v>1521</v>
      </c>
      <c r="H296" s="3" t="s">
        <v>225</v>
      </c>
      <c r="I296" s="3" t="s">
        <v>37</v>
      </c>
      <c r="J296" s="3" t="s">
        <v>1522</v>
      </c>
      <c r="K296" s="3" t="s">
        <v>32</v>
      </c>
      <c r="L296" s="3" t="s">
        <v>33</v>
      </c>
      <c r="M296" s="3" t="s">
        <v>34</v>
      </c>
      <c r="N296" s="3" t="s">
        <v>80</v>
      </c>
      <c r="O296" s="3" t="s">
        <v>86</v>
      </c>
      <c r="P296" s="3" t="s">
        <v>37</v>
      </c>
      <c r="Q296" s="3" t="s">
        <v>37</v>
      </c>
      <c r="R296" s="3" t="s">
        <v>38</v>
      </c>
      <c r="S296" s="3" t="s">
        <v>1523</v>
      </c>
      <c r="T296" s="3" t="s">
        <v>37</v>
      </c>
      <c r="U296" s="3" t="s">
        <v>37</v>
      </c>
      <c r="V296" s="3" t="s">
        <v>37</v>
      </c>
    </row>
    <row r="297" spans="1:22" x14ac:dyDescent="0.25">
      <c r="A297" s="3" t="s">
        <v>913</v>
      </c>
      <c r="B297" s="4" t="s">
        <v>698</v>
      </c>
      <c r="C297" s="3" t="s">
        <v>699</v>
      </c>
      <c r="D297" s="5" t="s">
        <v>1080</v>
      </c>
      <c r="E297" s="3" t="s">
        <v>1081</v>
      </c>
      <c r="F297" s="3" t="s">
        <v>1524</v>
      </c>
      <c r="G297" s="3" t="s">
        <v>908</v>
      </c>
      <c r="H297" s="3" t="s">
        <v>78</v>
      </c>
      <c r="I297" s="3" t="s">
        <v>37</v>
      </c>
      <c r="J297" s="3" t="s">
        <v>1525</v>
      </c>
      <c r="K297" s="3" t="s">
        <v>32</v>
      </c>
      <c r="L297" s="3" t="s">
        <v>33</v>
      </c>
      <c r="M297" s="3" t="s">
        <v>66</v>
      </c>
      <c r="N297" s="3" t="s">
        <v>67</v>
      </c>
      <c r="O297" s="3" t="s">
        <v>52</v>
      </c>
      <c r="P297" s="3" t="s">
        <v>37</v>
      </c>
      <c r="Q297" s="3" t="s">
        <v>37</v>
      </c>
      <c r="R297" s="3" t="s">
        <v>38</v>
      </c>
      <c r="S297" s="3" t="s">
        <v>1526</v>
      </c>
      <c r="T297" s="3" t="s">
        <v>37</v>
      </c>
      <c r="U297" s="3" t="s">
        <v>37</v>
      </c>
      <c r="V297" s="3" t="s">
        <v>37</v>
      </c>
    </row>
    <row r="298" spans="1:22" x14ac:dyDescent="0.25">
      <c r="A298" s="3" t="s">
        <v>913</v>
      </c>
      <c r="B298" s="4" t="s">
        <v>698</v>
      </c>
      <c r="C298" s="3" t="s">
        <v>699</v>
      </c>
      <c r="D298" s="5" t="s">
        <v>200</v>
      </c>
      <c r="E298" s="3" t="s">
        <v>1086</v>
      </c>
      <c r="F298" s="3" t="s">
        <v>1527</v>
      </c>
      <c r="G298" s="3" t="s">
        <v>1528</v>
      </c>
      <c r="H298" s="3" t="s">
        <v>225</v>
      </c>
      <c r="I298" s="3" t="s">
        <v>37</v>
      </c>
      <c r="J298" s="3" t="s">
        <v>1529</v>
      </c>
      <c r="K298" s="3" t="s">
        <v>32</v>
      </c>
      <c r="L298" s="3" t="s">
        <v>33</v>
      </c>
      <c r="M298" s="3" t="s">
        <v>66</v>
      </c>
      <c r="N298" s="3" t="s">
        <v>51</v>
      </c>
      <c r="O298" s="3" t="s">
        <v>36</v>
      </c>
      <c r="P298" s="3" t="s">
        <v>37</v>
      </c>
      <c r="Q298" s="3" t="s">
        <v>37</v>
      </c>
      <c r="R298" s="3" t="s">
        <v>38</v>
      </c>
      <c r="S298" s="3" t="s">
        <v>1530</v>
      </c>
      <c r="T298" s="3" t="s">
        <v>37</v>
      </c>
      <c r="U298" s="3" t="s">
        <v>37</v>
      </c>
      <c r="V298" s="3" t="s">
        <v>37</v>
      </c>
    </row>
    <row r="299" spans="1:22" x14ac:dyDescent="0.25">
      <c r="A299" s="3" t="s">
        <v>913</v>
      </c>
      <c r="B299" s="4" t="s">
        <v>698</v>
      </c>
      <c r="C299" s="3" t="s">
        <v>699</v>
      </c>
      <c r="D299" s="5" t="s">
        <v>1091</v>
      </c>
      <c r="E299" s="3" t="s">
        <v>1284</v>
      </c>
      <c r="F299" s="3" t="s">
        <v>1531</v>
      </c>
      <c r="G299" s="3" t="s">
        <v>581</v>
      </c>
      <c r="H299" s="3" t="s">
        <v>78</v>
      </c>
      <c r="I299" s="3" t="s">
        <v>1532</v>
      </c>
      <c r="J299" s="3" t="s">
        <v>1533</v>
      </c>
      <c r="K299" s="3" t="s">
        <v>32</v>
      </c>
      <c r="L299" s="3" t="s">
        <v>33</v>
      </c>
      <c r="M299" s="3" t="s">
        <v>66</v>
      </c>
      <c r="N299" s="3" t="s">
        <v>370</v>
      </c>
      <c r="O299" s="3" t="s">
        <v>86</v>
      </c>
      <c r="P299" s="3" t="s">
        <v>37</v>
      </c>
      <c r="Q299" s="3" t="s">
        <v>37</v>
      </c>
      <c r="R299" s="3" t="s">
        <v>38</v>
      </c>
      <c r="S299" s="3" t="s">
        <v>1534</v>
      </c>
      <c r="T299" s="3" t="s">
        <v>37</v>
      </c>
      <c r="U299" s="3" t="s">
        <v>37</v>
      </c>
      <c r="V299" s="3" t="s">
        <v>37</v>
      </c>
    </row>
    <row r="300" spans="1:22" x14ac:dyDescent="0.25">
      <c r="A300" s="3" t="s">
        <v>913</v>
      </c>
      <c r="B300" s="4" t="s">
        <v>698</v>
      </c>
      <c r="C300" s="3" t="s">
        <v>699</v>
      </c>
      <c r="D300" s="5" t="s">
        <v>489</v>
      </c>
      <c r="E300" s="3" t="s">
        <v>936</v>
      </c>
      <c r="F300" s="3" t="s">
        <v>1535</v>
      </c>
      <c r="G300" s="3" t="s">
        <v>325</v>
      </c>
      <c r="H300" s="3" t="s">
        <v>64</v>
      </c>
      <c r="I300" s="3" t="s">
        <v>951</v>
      </c>
      <c r="J300" s="3" t="s">
        <v>1536</v>
      </c>
      <c r="K300" s="3" t="s">
        <v>32</v>
      </c>
      <c r="L300" s="3" t="s">
        <v>33</v>
      </c>
      <c r="M300" s="3" t="s">
        <v>940</v>
      </c>
      <c r="N300" s="3" t="s">
        <v>80</v>
      </c>
      <c r="O300" s="3" t="s">
        <v>152</v>
      </c>
      <c r="P300" s="3" t="s">
        <v>37</v>
      </c>
      <c r="Q300" s="3" t="s">
        <v>37</v>
      </c>
      <c r="R300" s="3" t="s">
        <v>38</v>
      </c>
      <c r="S300" s="3" t="s">
        <v>1537</v>
      </c>
      <c r="T300" s="3" t="s">
        <v>37</v>
      </c>
      <c r="U300" s="3" t="s">
        <v>37</v>
      </c>
      <c r="V300" s="3" t="s">
        <v>37</v>
      </c>
    </row>
    <row r="301" spans="1:22" x14ac:dyDescent="0.25">
      <c r="A301" s="3" t="s">
        <v>913</v>
      </c>
      <c r="B301" s="4" t="s">
        <v>698</v>
      </c>
      <c r="C301" s="3" t="s">
        <v>699</v>
      </c>
      <c r="D301" s="5" t="s">
        <v>1291</v>
      </c>
      <c r="E301" s="3" t="s">
        <v>936</v>
      </c>
      <c r="F301" s="3" t="s">
        <v>1538</v>
      </c>
      <c r="G301" s="3" t="s">
        <v>142</v>
      </c>
      <c r="H301" s="3" t="s">
        <v>64</v>
      </c>
      <c r="I301" s="3" t="s">
        <v>951</v>
      </c>
      <c r="J301" s="3" t="s">
        <v>1539</v>
      </c>
      <c r="K301" s="3" t="s">
        <v>32</v>
      </c>
      <c r="L301" s="3" t="s">
        <v>33</v>
      </c>
      <c r="M301" s="3" t="s">
        <v>940</v>
      </c>
      <c r="N301" s="3" t="s">
        <v>80</v>
      </c>
      <c r="O301" s="3" t="s">
        <v>152</v>
      </c>
      <c r="P301" s="3" t="s">
        <v>37</v>
      </c>
      <c r="Q301" s="3" t="s">
        <v>37</v>
      </c>
      <c r="R301" s="3" t="s">
        <v>38</v>
      </c>
      <c r="S301" s="3" t="s">
        <v>1540</v>
      </c>
      <c r="T301" s="3" t="s">
        <v>37</v>
      </c>
      <c r="U301" s="3" t="s">
        <v>37</v>
      </c>
      <c r="V301" s="3" t="s">
        <v>37</v>
      </c>
    </row>
    <row r="302" spans="1:22" x14ac:dyDescent="0.25">
      <c r="A302" s="3" t="s">
        <v>913</v>
      </c>
      <c r="B302" s="4" t="s">
        <v>698</v>
      </c>
      <c r="C302" s="3" t="s">
        <v>699</v>
      </c>
      <c r="D302" s="5" t="s">
        <v>1295</v>
      </c>
      <c r="E302" s="3" t="s">
        <v>936</v>
      </c>
      <c r="F302" s="3" t="s">
        <v>1214</v>
      </c>
      <c r="G302" s="3" t="s">
        <v>333</v>
      </c>
      <c r="H302" s="3" t="s">
        <v>64</v>
      </c>
      <c r="I302" s="3" t="s">
        <v>938</v>
      </c>
      <c r="J302" s="8" t="s">
        <v>1215</v>
      </c>
      <c r="K302" s="3" t="s">
        <v>32</v>
      </c>
      <c r="L302" s="3" t="s">
        <v>33</v>
      </c>
      <c r="M302" s="3" t="s">
        <v>940</v>
      </c>
      <c r="N302" s="3" t="s">
        <v>80</v>
      </c>
      <c r="O302" s="3" t="s">
        <v>152</v>
      </c>
      <c r="P302" s="3" t="s">
        <v>37</v>
      </c>
      <c r="Q302" s="3" t="s">
        <v>37</v>
      </c>
      <c r="R302" s="3" t="s">
        <v>38</v>
      </c>
      <c r="S302" s="3" t="s">
        <v>1216</v>
      </c>
      <c r="T302" s="3" t="s">
        <v>37</v>
      </c>
      <c r="U302" s="3" t="s">
        <v>37</v>
      </c>
      <c r="V302" s="3" t="s">
        <v>37</v>
      </c>
    </row>
    <row r="303" spans="1:22" x14ac:dyDescent="0.25">
      <c r="A303" s="3" t="s">
        <v>913</v>
      </c>
      <c r="B303" s="4" t="s">
        <v>698</v>
      </c>
      <c r="C303" s="3" t="s">
        <v>699</v>
      </c>
      <c r="D303" s="5" t="s">
        <v>1096</v>
      </c>
      <c r="E303" s="3" t="s">
        <v>961</v>
      </c>
      <c r="F303" s="3" t="s">
        <v>977</v>
      </c>
      <c r="G303" s="3" t="s">
        <v>299</v>
      </c>
      <c r="H303" s="3" t="s">
        <v>78</v>
      </c>
      <c r="I303" s="3" t="s">
        <v>37</v>
      </c>
      <c r="J303" s="7" t="s">
        <v>1064</v>
      </c>
      <c r="K303" s="3" t="s">
        <v>32</v>
      </c>
      <c r="L303" s="3" t="s">
        <v>33</v>
      </c>
      <c r="M303" s="3" t="s">
        <v>66</v>
      </c>
      <c r="N303" s="3" t="s">
        <v>80</v>
      </c>
      <c r="O303" s="3" t="s">
        <v>86</v>
      </c>
      <c r="P303" s="3" t="s">
        <v>37</v>
      </c>
      <c r="Q303" s="3" t="s">
        <v>37</v>
      </c>
      <c r="R303" s="3" t="s">
        <v>38</v>
      </c>
      <c r="S303" s="3" t="s">
        <v>1514</v>
      </c>
      <c r="T303" s="3" t="s">
        <v>37</v>
      </c>
      <c r="U303" s="3" t="s">
        <v>37</v>
      </c>
      <c r="V303" s="3" t="s">
        <v>37</v>
      </c>
    </row>
    <row r="304" spans="1:22" x14ac:dyDescent="0.25">
      <c r="A304" s="3" t="s">
        <v>913</v>
      </c>
      <c r="B304" s="4" t="s">
        <v>698</v>
      </c>
      <c r="C304" s="3" t="s">
        <v>699</v>
      </c>
      <c r="D304" s="5" t="s">
        <v>219</v>
      </c>
      <c r="E304" s="3" t="s">
        <v>490</v>
      </c>
      <c r="F304" s="3" t="s">
        <v>1515</v>
      </c>
      <c r="G304" s="3" t="s">
        <v>1516</v>
      </c>
      <c r="H304" s="3" t="s">
        <v>78</v>
      </c>
      <c r="I304" s="3" t="s">
        <v>1112</v>
      </c>
      <c r="J304" s="3" t="s">
        <v>1517</v>
      </c>
      <c r="K304" s="3" t="s">
        <v>32</v>
      </c>
      <c r="L304" s="3" t="s">
        <v>33</v>
      </c>
      <c r="M304" s="3" t="s">
        <v>34</v>
      </c>
      <c r="N304" s="3" t="s">
        <v>80</v>
      </c>
      <c r="O304" s="3" t="s">
        <v>86</v>
      </c>
      <c r="P304" s="3" t="s">
        <v>37</v>
      </c>
      <c r="Q304" s="3" t="s">
        <v>37</v>
      </c>
      <c r="R304" s="3" t="s">
        <v>38</v>
      </c>
      <c r="S304" s="3" t="s">
        <v>1518</v>
      </c>
      <c r="T304" s="3" t="s">
        <v>37</v>
      </c>
      <c r="U304" s="3" t="s">
        <v>37</v>
      </c>
      <c r="V304" s="3" t="s">
        <v>37</v>
      </c>
    </row>
    <row r="305" spans="1:22" x14ac:dyDescent="0.25">
      <c r="A305" s="3" t="s">
        <v>913</v>
      </c>
      <c r="B305" s="4" t="s">
        <v>698</v>
      </c>
      <c r="C305" s="3" t="s">
        <v>699</v>
      </c>
      <c r="D305" s="5" t="s">
        <v>378</v>
      </c>
      <c r="E305" s="3" t="s">
        <v>1051</v>
      </c>
      <c r="F305" s="3" t="s">
        <v>1445</v>
      </c>
      <c r="G305" s="3" t="s">
        <v>197</v>
      </c>
      <c r="H305" s="3" t="s">
        <v>29</v>
      </c>
      <c r="I305" s="3" t="s">
        <v>37</v>
      </c>
      <c r="J305" s="7" t="s">
        <v>1446</v>
      </c>
      <c r="K305" s="3" t="s">
        <v>32</v>
      </c>
      <c r="L305" s="3" t="s">
        <v>33</v>
      </c>
      <c r="M305" s="3" t="s">
        <v>66</v>
      </c>
      <c r="N305" s="3" t="s">
        <v>67</v>
      </c>
      <c r="O305" s="3" t="s">
        <v>86</v>
      </c>
      <c r="P305" s="3" t="s">
        <v>37</v>
      </c>
      <c r="Q305" s="3" t="s">
        <v>37</v>
      </c>
      <c r="R305" s="3" t="s">
        <v>38</v>
      </c>
      <c r="S305" s="3" t="s">
        <v>1519</v>
      </c>
      <c r="T305" s="3" t="s">
        <v>37</v>
      </c>
      <c r="U305" s="3" t="s">
        <v>37</v>
      </c>
      <c r="V305" s="3" t="s">
        <v>37</v>
      </c>
    </row>
    <row r="306" spans="1:22" x14ac:dyDescent="0.25">
      <c r="A306" s="3" t="s">
        <v>913</v>
      </c>
      <c r="B306" s="4" t="s">
        <v>698</v>
      </c>
      <c r="C306" s="3" t="s">
        <v>699</v>
      </c>
      <c r="D306" s="5" t="s">
        <v>228</v>
      </c>
      <c r="E306" s="3" t="s">
        <v>490</v>
      </c>
      <c r="F306" s="3" t="s">
        <v>1520</v>
      </c>
      <c r="G306" s="3" t="s">
        <v>1521</v>
      </c>
      <c r="H306" s="3" t="s">
        <v>225</v>
      </c>
      <c r="I306" s="3" t="s">
        <v>37</v>
      </c>
      <c r="J306" s="3" t="s">
        <v>1522</v>
      </c>
      <c r="K306" s="3" t="s">
        <v>32</v>
      </c>
      <c r="L306" s="3" t="s">
        <v>33</v>
      </c>
      <c r="M306" s="3" t="s">
        <v>34</v>
      </c>
      <c r="N306" s="3" t="s">
        <v>80</v>
      </c>
      <c r="O306" s="3" t="s">
        <v>86</v>
      </c>
      <c r="P306" s="3" t="s">
        <v>37</v>
      </c>
      <c r="Q306" s="3" t="s">
        <v>37</v>
      </c>
      <c r="R306" s="3" t="s">
        <v>38</v>
      </c>
      <c r="S306" s="3" t="s">
        <v>1523</v>
      </c>
      <c r="T306" s="3" t="s">
        <v>37</v>
      </c>
      <c r="U306" s="3" t="s">
        <v>37</v>
      </c>
      <c r="V306" s="3" t="s">
        <v>37</v>
      </c>
    </row>
    <row r="307" spans="1:22" x14ac:dyDescent="0.25">
      <c r="A307" s="3" t="s">
        <v>913</v>
      </c>
      <c r="B307" s="4" t="s">
        <v>698</v>
      </c>
      <c r="C307" s="3" t="s">
        <v>699</v>
      </c>
      <c r="D307" s="5" t="s">
        <v>1103</v>
      </c>
      <c r="E307" s="3" t="s">
        <v>1081</v>
      </c>
      <c r="F307" s="3" t="s">
        <v>1524</v>
      </c>
      <c r="G307" s="3" t="s">
        <v>908</v>
      </c>
      <c r="H307" s="3" t="s">
        <v>78</v>
      </c>
      <c r="I307" s="3" t="s">
        <v>37</v>
      </c>
      <c r="J307" s="3" t="s">
        <v>1525</v>
      </c>
      <c r="K307" s="3" t="s">
        <v>32</v>
      </c>
      <c r="L307" s="3" t="s">
        <v>33</v>
      </c>
      <c r="M307" s="3" t="s">
        <v>66</v>
      </c>
      <c r="N307" s="3" t="s">
        <v>67</v>
      </c>
      <c r="O307" s="3" t="s">
        <v>52</v>
      </c>
      <c r="P307" s="3" t="s">
        <v>37</v>
      </c>
      <c r="Q307" s="3" t="s">
        <v>37</v>
      </c>
      <c r="R307" s="3" t="s">
        <v>38</v>
      </c>
      <c r="S307" s="3" t="s">
        <v>1526</v>
      </c>
      <c r="T307" s="3" t="s">
        <v>37</v>
      </c>
      <c r="U307" s="3" t="s">
        <v>37</v>
      </c>
      <c r="V307" s="3" t="s">
        <v>37</v>
      </c>
    </row>
    <row r="308" spans="1:22" x14ac:dyDescent="0.25">
      <c r="A308" s="3" t="s">
        <v>913</v>
      </c>
      <c r="B308" s="4" t="s">
        <v>698</v>
      </c>
      <c r="C308" s="3" t="s">
        <v>699</v>
      </c>
      <c r="D308" s="5" t="s">
        <v>238</v>
      </c>
      <c r="E308" s="3" t="s">
        <v>1086</v>
      </c>
      <c r="F308" s="3" t="s">
        <v>1527</v>
      </c>
      <c r="G308" s="3" t="s">
        <v>1528</v>
      </c>
      <c r="H308" s="3" t="s">
        <v>225</v>
      </c>
      <c r="I308" s="3" t="s">
        <v>37</v>
      </c>
      <c r="J308" s="3" t="s">
        <v>1529</v>
      </c>
      <c r="K308" s="3" t="s">
        <v>32</v>
      </c>
      <c r="L308" s="3" t="s">
        <v>33</v>
      </c>
      <c r="M308" s="3" t="s">
        <v>66</v>
      </c>
      <c r="N308" s="3" t="s">
        <v>51</v>
      </c>
      <c r="O308" s="3" t="s">
        <v>36</v>
      </c>
      <c r="P308" s="3" t="s">
        <v>37</v>
      </c>
      <c r="Q308" s="3" t="s">
        <v>37</v>
      </c>
      <c r="R308" s="3" t="s">
        <v>38</v>
      </c>
      <c r="S308" s="3" t="s">
        <v>1530</v>
      </c>
      <c r="T308" s="3" t="s">
        <v>37</v>
      </c>
      <c r="U308" s="3" t="s">
        <v>37</v>
      </c>
      <c r="V308" s="3" t="s">
        <v>37</v>
      </c>
    </row>
    <row r="309" spans="1:22" x14ac:dyDescent="0.25">
      <c r="A309" s="3" t="s">
        <v>913</v>
      </c>
      <c r="B309" s="4" t="s">
        <v>698</v>
      </c>
      <c r="C309" s="3" t="s">
        <v>699</v>
      </c>
      <c r="D309" s="5" t="s">
        <v>1110</v>
      </c>
      <c r="E309" s="3" t="s">
        <v>925</v>
      </c>
      <c r="F309" s="3" t="s">
        <v>1541</v>
      </c>
      <c r="G309" s="3" t="s">
        <v>537</v>
      </c>
      <c r="H309" s="3" t="s">
        <v>64</v>
      </c>
      <c r="I309" s="3" t="s">
        <v>927</v>
      </c>
      <c r="J309" s="3" t="s">
        <v>1542</v>
      </c>
      <c r="K309" s="3" t="s">
        <v>32</v>
      </c>
      <c r="L309" s="3" t="s">
        <v>33</v>
      </c>
      <c r="M309" s="3" t="s">
        <v>34</v>
      </c>
      <c r="N309" s="3" t="s">
        <v>67</v>
      </c>
      <c r="O309" s="3" t="s">
        <v>52</v>
      </c>
      <c r="P309" s="3" t="s">
        <v>37</v>
      </c>
      <c r="Q309" s="3" t="s">
        <v>37</v>
      </c>
      <c r="R309" s="3" t="s">
        <v>38</v>
      </c>
      <c r="S309" s="3" t="s">
        <v>1543</v>
      </c>
      <c r="T309" s="3" t="s">
        <v>37</v>
      </c>
      <c r="U309" s="3" t="s">
        <v>37</v>
      </c>
      <c r="V309" s="3" t="s">
        <v>37</v>
      </c>
    </row>
    <row r="310" spans="1:22" x14ac:dyDescent="0.25">
      <c r="A310" s="3"/>
      <c r="B310" s="4"/>
      <c r="C310" s="3"/>
      <c r="D310" s="5"/>
      <c r="E310" s="6" t="s">
        <v>1115</v>
      </c>
      <c r="F310" s="3"/>
      <c r="G310" s="3"/>
      <c r="H310" s="3"/>
      <c r="I310" s="3"/>
      <c r="J310" s="3"/>
      <c r="K310" s="3"/>
      <c r="L310" s="3"/>
      <c r="M310" s="3"/>
      <c r="N310" s="3"/>
      <c r="O310" s="3"/>
      <c r="P310" s="3"/>
      <c r="Q310" s="3"/>
      <c r="R310" s="3"/>
      <c r="S310" s="3"/>
      <c r="T310" s="3"/>
      <c r="U310" s="3" t="s">
        <v>37</v>
      </c>
      <c r="V310" s="3" t="s">
        <v>37</v>
      </c>
    </row>
    <row r="311" spans="1:22" x14ac:dyDescent="0.25">
      <c r="A311" s="3"/>
      <c r="B311" s="4"/>
      <c r="C311" s="3"/>
      <c r="D311" s="5"/>
      <c r="E311" s="3"/>
      <c r="F311" s="3"/>
      <c r="G311" s="3"/>
      <c r="H311" s="3"/>
      <c r="I311" s="3"/>
      <c r="J311" s="3"/>
      <c r="K311" s="3"/>
      <c r="L311" s="3"/>
      <c r="M311" s="3"/>
      <c r="N311" s="3"/>
      <c r="O311" s="3"/>
      <c r="P311" s="3"/>
      <c r="Q311" s="3"/>
      <c r="R311" s="3"/>
      <c r="S311" s="3"/>
      <c r="T311" s="3"/>
      <c r="U311" s="3" t="s">
        <v>37</v>
      </c>
      <c r="V311" s="3" t="s">
        <v>37</v>
      </c>
    </row>
    <row r="312" spans="1:22" x14ac:dyDescent="0.25">
      <c r="A312" s="3" t="s">
        <v>913</v>
      </c>
      <c r="B312" s="4" t="s">
        <v>813</v>
      </c>
      <c r="C312" s="3" t="s">
        <v>814</v>
      </c>
      <c r="D312" s="5" t="s">
        <v>25</v>
      </c>
      <c r="E312" s="3" t="s">
        <v>914</v>
      </c>
      <c r="F312" s="3" t="s">
        <v>1544</v>
      </c>
      <c r="G312" s="3" t="s">
        <v>364</v>
      </c>
      <c r="H312" s="3" t="s">
        <v>29</v>
      </c>
      <c r="I312" s="3" t="s">
        <v>1545</v>
      </c>
      <c r="J312" s="3" t="s">
        <v>1546</v>
      </c>
      <c r="K312" s="3" t="s">
        <v>32</v>
      </c>
      <c r="L312" s="3" t="s">
        <v>33</v>
      </c>
      <c r="M312" s="3" t="s">
        <v>66</v>
      </c>
      <c r="N312" s="3" t="s">
        <v>918</v>
      </c>
      <c r="O312" s="3" t="s">
        <v>86</v>
      </c>
      <c r="P312" s="3" t="s">
        <v>37</v>
      </c>
      <c r="Q312" s="3" t="s">
        <v>37</v>
      </c>
      <c r="R312" s="3" t="s">
        <v>38</v>
      </c>
      <c r="S312" s="3" t="s">
        <v>1547</v>
      </c>
      <c r="T312" s="3" t="s">
        <v>37</v>
      </c>
      <c r="U312" s="3" t="s">
        <v>37</v>
      </c>
      <c r="V312" s="3" t="s">
        <v>37</v>
      </c>
    </row>
    <row r="313" spans="1:22" x14ac:dyDescent="0.25">
      <c r="A313" s="3" t="s">
        <v>913</v>
      </c>
      <c r="B313" s="4" t="s">
        <v>813</v>
      </c>
      <c r="C313" s="3" t="s">
        <v>814</v>
      </c>
      <c r="D313" s="5" t="s">
        <v>920</v>
      </c>
      <c r="E313" s="3" t="s">
        <v>914</v>
      </c>
      <c r="F313" s="3" t="s">
        <v>1548</v>
      </c>
      <c r="G313" s="3" t="s">
        <v>777</v>
      </c>
      <c r="H313" s="3" t="s">
        <v>29</v>
      </c>
      <c r="I313" s="3" t="s">
        <v>1545</v>
      </c>
      <c r="J313" s="3" t="s">
        <v>1549</v>
      </c>
      <c r="K313" s="3" t="s">
        <v>32</v>
      </c>
      <c r="L313" s="3" t="s">
        <v>33</v>
      </c>
      <c r="M313" s="3" t="s">
        <v>66</v>
      </c>
      <c r="N313" s="3" t="s">
        <v>918</v>
      </c>
      <c r="O313" s="3" t="s">
        <v>86</v>
      </c>
      <c r="P313" s="3" t="s">
        <v>37</v>
      </c>
      <c r="Q313" s="3" t="s">
        <v>37</v>
      </c>
      <c r="R313" s="3" t="s">
        <v>38</v>
      </c>
      <c r="S313" s="3" t="s">
        <v>1550</v>
      </c>
      <c r="T313" s="3" t="s">
        <v>37</v>
      </c>
      <c r="U313" s="3" t="s">
        <v>37</v>
      </c>
      <c r="V313" s="3" t="s">
        <v>37</v>
      </c>
    </row>
    <row r="314" spans="1:22" x14ac:dyDescent="0.25">
      <c r="A314" s="3" t="s">
        <v>913</v>
      </c>
      <c r="B314" s="4" t="s">
        <v>813</v>
      </c>
      <c r="C314" s="3" t="s">
        <v>814</v>
      </c>
      <c r="D314" s="5" t="s">
        <v>45</v>
      </c>
      <c r="E314" s="3" t="s">
        <v>936</v>
      </c>
      <c r="F314" s="3" t="s">
        <v>937</v>
      </c>
      <c r="G314" s="3" t="s">
        <v>704</v>
      </c>
      <c r="H314" s="3" t="s">
        <v>64</v>
      </c>
      <c r="I314" s="3" t="s">
        <v>938</v>
      </c>
      <c r="J314" s="3" t="s">
        <v>939</v>
      </c>
      <c r="K314" s="3" t="s">
        <v>32</v>
      </c>
      <c r="L314" s="3" t="s">
        <v>33</v>
      </c>
      <c r="M314" s="3" t="s">
        <v>940</v>
      </c>
      <c r="N314" s="3" t="s">
        <v>80</v>
      </c>
      <c r="O314" s="3" t="s">
        <v>152</v>
      </c>
      <c r="P314" s="3" t="s">
        <v>37</v>
      </c>
      <c r="Q314" s="3" t="s">
        <v>37</v>
      </c>
      <c r="R314" s="3" t="s">
        <v>38</v>
      </c>
      <c r="S314" s="3" t="s">
        <v>941</v>
      </c>
      <c r="T314" s="3" t="s">
        <v>37</v>
      </c>
      <c r="U314" s="3" t="s">
        <v>37</v>
      </c>
      <c r="V314" s="3" t="s">
        <v>37</v>
      </c>
    </row>
    <row r="315" spans="1:22" x14ac:dyDescent="0.25">
      <c r="A315" s="3" t="s">
        <v>913</v>
      </c>
      <c r="B315" s="4" t="s">
        <v>813</v>
      </c>
      <c r="C315" s="3" t="s">
        <v>814</v>
      </c>
      <c r="D315" s="5" t="s">
        <v>1212</v>
      </c>
      <c r="E315" s="3" t="s">
        <v>936</v>
      </c>
      <c r="F315" s="3" t="s">
        <v>943</v>
      </c>
      <c r="G315" s="3" t="s">
        <v>235</v>
      </c>
      <c r="H315" s="3" t="s">
        <v>64</v>
      </c>
      <c r="I315" s="3" t="s">
        <v>938</v>
      </c>
      <c r="J315" s="3" t="s">
        <v>944</v>
      </c>
      <c r="K315" s="3" t="s">
        <v>32</v>
      </c>
      <c r="L315" s="3" t="s">
        <v>33</v>
      </c>
      <c r="M315" s="3" t="s">
        <v>940</v>
      </c>
      <c r="N315" s="3" t="s">
        <v>80</v>
      </c>
      <c r="O315" s="3" t="s">
        <v>152</v>
      </c>
      <c r="P315" s="3" t="s">
        <v>37</v>
      </c>
      <c r="Q315" s="3" t="s">
        <v>37</v>
      </c>
      <c r="R315" s="3" t="s">
        <v>38</v>
      </c>
      <c r="S315" s="3" t="s">
        <v>945</v>
      </c>
      <c r="T315" s="3" t="s">
        <v>37</v>
      </c>
      <c r="U315" s="3"/>
      <c r="V315" s="3"/>
    </row>
    <row r="316" spans="1:22" x14ac:dyDescent="0.25">
      <c r="A316" s="3" t="s">
        <v>913</v>
      </c>
      <c r="B316" s="4" t="s">
        <v>813</v>
      </c>
      <c r="C316" s="3" t="s">
        <v>814</v>
      </c>
      <c r="D316" s="5" t="s">
        <v>1213</v>
      </c>
      <c r="E316" s="3" t="s">
        <v>936</v>
      </c>
      <c r="F316" s="3" t="s">
        <v>946</v>
      </c>
      <c r="G316" s="3" t="s">
        <v>253</v>
      </c>
      <c r="H316" s="3" t="s">
        <v>64</v>
      </c>
      <c r="I316" s="3" t="s">
        <v>938</v>
      </c>
      <c r="J316" s="3" t="s">
        <v>947</v>
      </c>
      <c r="K316" s="3" t="s">
        <v>32</v>
      </c>
      <c r="L316" s="3" t="s">
        <v>33</v>
      </c>
      <c r="M316" s="3" t="s">
        <v>940</v>
      </c>
      <c r="N316" s="3" t="s">
        <v>80</v>
      </c>
      <c r="O316" s="3" t="s">
        <v>152</v>
      </c>
      <c r="P316" s="3" t="s">
        <v>37</v>
      </c>
      <c r="Q316" s="3" t="s">
        <v>37</v>
      </c>
      <c r="R316" s="3" t="s">
        <v>38</v>
      </c>
      <c r="S316" s="3" t="s">
        <v>948</v>
      </c>
      <c r="T316" s="3" t="s">
        <v>37</v>
      </c>
      <c r="U316" s="3"/>
      <c r="V316" s="3"/>
    </row>
    <row r="317" spans="1:22" x14ac:dyDescent="0.25">
      <c r="A317" s="3" t="s">
        <v>913</v>
      </c>
      <c r="B317" s="4" t="s">
        <v>813</v>
      </c>
      <c r="C317" s="3" t="s">
        <v>814</v>
      </c>
      <c r="D317" s="5" t="s">
        <v>930</v>
      </c>
      <c r="E317" s="3" t="s">
        <v>936</v>
      </c>
      <c r="F317" s="3" t="s">
        <v>1214</v>
      </c>
      <c r="G317" s="3" t="s">
        <v>333</v>
      </c>
      <c r="H317" s="3" t="s">
        <v>64</v>
      </c>
      <c r="I317" s="3" t="s">
        <v>938</v>
      </c>
      <c r="J317" s="8" t="s">
        <v>1215</v>
      </c>
      <c r="K317" s="3" t="s">
        <v>32</v>
      </c>
      <c r="L317" s="3" t="s">
        <v>33</v>
      </c>
      <c r="M317" s="3" t="s">
        <v>940</v>
      </c>
      <c r="N317" s="3" t="s">
        <v>80</v>
      </c>
      <c r="O317" s="3" t="s">
        <v>152</v>
      </c>
      <c r="P317" s="3" t="s">
        <v>37</v>
      </c>
      <c r="Q317" s="3" t="s">
        <v>37</v>
      </c>
      <c r="R317" s="3" t="s">
        <v>38</v>
      </c>
      <c r="S317" s="3" t="s">
        <v>1216</v>
      </c>
      <c r="T317" s="3" t="s">
        <v>37</v>
      </c>
      <c r="U317" s="3" t="s">
        <v>37</v>
      </c>
      <c r="V317" s="3" t="s">
        <v>37</v>
      </c>
    </row>
    <row r="318" spans="1:22" x14ac:dyDescent="0.25">
      <c r="A318" s="3" t="s">
        <v>913</v>
      </c>
      <c r="B318" s="4" t="s">
        <v>813</v>
      </c>
      <c r="C318" s="3" t="s">
        <v>814</v>
      </c>
      <c r="D318" s="5" t="s">
        <v>1217</v>
      </c>
      <c r="E318" s="3" t="s">
        <v>936</v>
      </c>
      <c r="F318" s="3" t="s">
        <v>1535</v>
      </c>
      <c r="G318" s="3" t="s">
        <v>325</v>
      </c>
      <c r="H318" s="3" t="s">
        <v>64</v>
      </c>
      <c r="I318" s="3" t="s">
        <v>951</v>
      </c>
      <c r="J318" s="3" t="s">
        <v>1536</v>
      </c>
      <c r="K318" s="3" t="s">
        <v>32</v>
      </c>
      <c r="L318" s="3" t="s">
        <v>33</v>
      </c>
      <c r="M318" s="3" t="s">
        <v>940</v>
      </c>
      <c r="N318" s="3" t="s">
        <v>80</v>
      </c>
      <c r="O318" s="3" t="s">
        <v>152</v>
      </c>
      <c r="P318" s="3" t="s">
        <v>37</v>
      </c>
      <c r="Q318" s="3" t="s">
        <v>37</v>
      </c>
      <c r="R318" s="3" t="s">
        <v>38</v>
      </c>
      <c r="S318" s="3" t="s">
        <v>1537</v>
      </c>
      <c r="T318" s="3" t="s">
        <v>37</v>
      </c>
      <c r="U318" s="3" t="s">
        <v>37</v>
      </c>
      <c r="V318" s="3" t="s">
        <v>37</v>
      </c>
    </row>
    <row r="319" spans="1:22" x14ac:dyDescent="0.25">
      <c r="A319" s="3" t="s">
        <v>913</v>
      </c>
      <c r="B319" s="4" t="s">
        <v>813</v>
      </c>
      <c r="C319" s="3" t="s">
        <v>814</v>
      </c>
      <c r="D319" s="5" t="s">
        <v>1221</v>
      </c>
      <c r="E319" s="3" t="s">
        <v>936</v>
      </c>
      <c r="F319" s="3" t="s">
        <v>1551</v>
      </c>
      <c r="G319" s="3" t="s">
        <v>166</v>
      </c>
      <c r="H319" s="3" t="s">
        <v>64</v>
      </c>
      <c r="I319" s="3" t="s">
        <v>938</v>
      </c>
      <c r="J319" s="3" t="s">
        <v>1552</v>
      </c>
      <c r="K319" s="3" t="s">
        <v>32</v>
      </c>
      <c r="L319" s="3" t="s">
        <v>33</v>
      </c>
      <c r="M319" s="3" t="s">
        <v>940</v>
      </c>
      <c r="N319" s="3" t="s">
        <v>80</v>
      </c>
      <c r="O319" s="3" t="s">
        <v>152</v>
      </c>
      <c r="P319" s="3" t="s">
        <v>37</v>
      </c>
      <c r="Q319" s="3" t="s">
        <v>37</v>
      </c>
      <c r="R319" s="3" t="s">
        <v>38</v>
      </c>
      <c r="S319" s="3" t="s">
        <v>1553</v>
      </c>
      <c r="T319" s="3" t="s">
        <v>37</v>
      </c>
      <c r="U319" s="3" t="s">
        <v>37</v>
      </c>
      <c r="V319" s="3" t="s">
        <v>37</v>
      </c>
    </row>
    <row r="320" spans="1:22" x14ac:dyDescent="0.25">
      <c r="A320" s="3" t="s">
        <v>913</v>
      </c>
      <c r="B320" s="4" t="s">
        <v>813</v>
      </c>
      <c r="C320" s="3" t="s">
        <v>814</v>
      </c>
      <c r="D320" s="5" t="s">
        <v>935</v>
      </c>
      <c r="E320" s="3" t="s">
        <v>490</v>
      </c>
      <c r="F320" s="3" t="s">
        <v>606</v>
      </c>
      <c r="G320" s="3" t="s">
        <v>537</v>
      </c>
      <c r="H320" s="3" t="s">
        <v>64</v>
      </c>
      <c r="I320" s="3" t="s">
        <v>498</v>
      </c>
      <c r="J320" s="3" t="s">
        <v>607</v>
      </c>
      <c r="K320" s="3" t="s">
        <v>32</v>
      </c>
      <c r="L320" s="3" t="s">
        <v>494</v>
      </c>
      <c r="M320" s="3" t="s">
        <v>34</v>
      </c>
      <c r="N320" s="3" t="s">
        <v>35</v>
      </c>
      <c r="O320" s="3" t="s">
        <v>86</v>
      </c>
      <c r="P320" s="3" t="s">
        <v>37</v>
      </c>
      <c r="Q320" s="3" t="s">
        <v>37</v>
      </c>
      <c r="R320" s="3" t="s">
        <v>38</v>
      </c>
      <c r="S320" s="3" t="s">
        <v>608</v>
      </c>
      <c r="T320" s="3" t="s">
        <v>37</v>
      </c>
      <c r="U320" s="3" t="s">
        <v>37</v>
      </c>
      <c r="V320" s="3" t="s">
        <v>37</v>
      </c>
    </row>
    <row r="321" spans="1:22" x14ac:dyDescent="0.25">
      <c r="A321" s="3" t="s">
        <v>913</v>
      </c>
      <c r="B321" s="4" t="s">
        <v>813</v>
      </c>
      <c r="C321" s="3" t="s">
        <v>814</v>
      </c>
      <c r="D321" s="5" t="s">
        <v>949</v>
      </c>
      <c r="E321" s="3" t="s">
        <v>490</v>
      </c>
      <c r="F321" s="3" t="s">
        <v>1554</v>
      </c>
      <c r="G321" s="3" t="s">
        <v>354</v>
      </c>
      <c r="H321" s="3" t="s">
        <v>78</v>
      </c>
      <c r="I321" s="3" t="s">
        <v>1112</v>
      </c>
      <c r="J321" s="3" t="s">
        <v>1555</v>
      </c>
      <c r="K321" s="3" t="s">
        <v>32</v>
      </c>
      <c r="L321" s="3" t="s">
        <v>33</v>
      </c>
      <c r="M321" s="3" t="s">
        <v>34</v>
      </c>
      <c r="N321" s="3" t="s">
        <v>80</v>
      </c>
      <c r="O321" s="3" t="s">
        <v>86</v>
      </c>
      <c r="P321" s="3" t="s">
        <v>37</v>
      </c>
      <c r="Q321" s="3" t="s">
        <v>37</v>
      </c>
      <c r="R321" s="3" t="s">
        <v>38</v>
      </c>
      <c r="S321" s="3" t="s">
        <v>1556</v>
      </c>
      <c r="T321" s="3" t="s">
        <v>37</v>
      </c>
      <c r="U321" s="3" t="s">
        <v>37</v>
      </c>
      <c r="V321" s="3" t="s">
        <v>37</v>
      </c>
    </row>
    <row r="322" spans="1:22" x14ac:dyDescent="0.25">
      <c r="A322" s="3" t="s">
        <v>913</v>
      </c>
      <c r="B322" s="4" t="s">
        <v>813</v>
      </c>
      <c r="C322" s="3" t="s">
        <v>814</v>
      </c>
      <c r="D322" s="5" t="s">
        <v>636</v>
      </c>
      <c r="E322" s="3" t="s">
        <v>1557</v>
      </c>
      <c r="F322" s="3" t="s">
        <v>37</v>
      </c>
      <c r="G322" s="3">
        <v>1</v>
      </c>
      <c r="H322" s="3">
        <v>0</v>
      </c>
      <c r="I322" s="3" t="s">
        <v>1558</v>
      </c>
      <c r="J322" s="3" t="s">
        <v>1559</v>
      </c>
      <c r="K322" s="3" t="s">
        <v>33</v>
      </c>
      <c r="L322" s="3" t="s">
        <v>33</v>
      </c>
      <c r="M322" s="3" t="s">
        <v>66</v>
      </c>
      <c r="N322" s="3" t="s">
        <v>1560</v>
      </c>
      <c r="O322" s="3" t="s">
        <v>1561</v>
      </c>
      <c r="P322" s="3" t="s">
        <v>37</v>
      </c>
      <c r="Q322" s="3" t="s">
        <v>37</v>
      </c>
      <c r="R322" s="3" t="s">
        <v>38</v>
      </c>
      <c r="S322" s="3" t="s">
        <v>1562</v>
      </c>
      <c r="T322" s="3" t="s">
        <v>37</v>
      </c>
      <c r="U322" s="3" t="s">
        <v>37</v>
      </c>
      <c r="V322" s="3" t="s">
        <v>37</v>
      </c>
    </row>
    <row r="323" spans="1:22" x14ac:dyDescent="0.25">
      <c r="A323" s="3" t="s">
        <v>913</v>
      </c>
      <c r="B323" s="4" t="s">
        <v>813</v>
      </c>
      <c r="C323" s="3" t="s">
        <v>814</v>
      </c>
      <c r="D323" s="5" t="s">
        <v>971</v>
      </c>
      <c r="E323" s="3" t="s">
        <v>931</v>
      </c>
      <c r="F323" s="3" t="s">
        <v>1563</v>
      </c>
      <c r="G323" s="3" t="s">
        <v>71</v>
      </c>
      <c r="H323" s="3" t="s">
        <v>64</v>
      </c>
      <c r="I323" s="3" t="s">
        <v>37</v>
      </c>
      <c r="J323" s="3" t="s">
        <v>1564</v>
      </c>
      <c r="K323" s="3" t="s">
        <v>32</v>
      </c>
      <c r="L323" s="3" t="s">
        <v>33</v>
      </c>
      <c r="M323" s="3" t="s">
        <v>66</v>
      </c>
      <c r="N323" s="3" t="s">
        <v>67</v>
      </c>
      <c r="O323" s="3" t="s">
        <v>52</v>
      </c>
      <c r="P323" s="3" t="s">
        <v>37</v>
      </c>
      <c r="Q323" s="3" t="s">
        <v>37</v>
      </c>
      <c r="R323" s="3" t="s">
        <v>38</v>
      </c>
      <c r="S323" s="3" t="s">
        <v>1565</v>
      </c>
      <c r="T323" s="3" t="s">
        <v>37</v>
      </c>
      <c r="U323" s="3" t="s">
        <v>37</v>
      </c>
      <c r="V323" s="3" t="s">
        <v>37</v>
      </c>
    </row>
    <row r="324" spans="1:22" x14ac:dyDescent="0.25">
      <c r="A324" s="3" t="s">
        <v>913</v>
      </c>
      <c r="B324" s="4" t="s">
        <v>813</v>
      </c>
      <c r="C324" s="3" t="s">
        <v>814</v>
      </c>
      <c r="D324" s="5" t="s">
        <v>976</v>
      </c>
      <c r="E324" s="3" t="s">
        <v>931</v>
      </c>
      <c r="F324" s="3" t="s">
        <v>1420</v>
      </c>
      <c r="G324" s="3" t="s">
        <v>344</v>
      </c>
      <c r="H324" s="3" t="s">
        <v>64</v>
      </c>
      <c r="I324" s="3" t="s">
        <v>37</v>
      </c>
      <c r="J324" s="3" t="s">
        <v>1421</v>
      </c>
      <c r="K324" s="3" t="s">
        <v>32</v>
      </c>
      <c r="L324" s="3" t="s">
        <v>33</v>
      </c>
      <c r="M324" s="3" t="s">
        <v>66</v>
      </c>
      <c r="N324" s="3" t="s">
        <v>67</v>
      </c>
      <c r="O324" s="3" t="s">
        <v>52</v>
      </c>
      <c r="P324" s="3" t="s">
        <v>37</v>
      </c>
      <c r="Q324" s="3" t="s">
        <v>37</v>
      </c>
      <c r="R324" s="3" t="s">
        <v>38</v>
      </c>
      <c r="S324" s="3" t="s">
        <v>1422</v>
      </c>
      <c r="T324" s="3" t="s">
        <v>37</v>
      </c>
      <c r="U324" s="3" t="s">
        <v>37</v>
      </c>
      <c r="V324" s="3" t="s">
        <v>37</v>
      </c>
    </row>
    <row r="325" spans="1:22" x14ac:dyDescent="0.25">
      <c r="A325" s="3" t="s">
        <v>913</v>
      </c>
      <c r="B325" s="4" t="s">
        <v>813</v>
      </c>
      <c r="C325" s="3" t="s">
        <v>814</v>
      </c>
      <c r="D325" s="5" t="s">
        <v>980</v>
      </c>
      <c r="E325" s="3" t="s">
        <v>931</v>
      </c>
      <c r="F325" s="3" t="s">
        <v>1566</v>
      </c>
      <c r="G325" s="3" t="s">
        <v>134</v>
      </c>
      <c r="H325" s="3" t="s">
        <v>64</v>
      </c>
      <c r="I325" s="3" t="s">
        <v>37</v>
      </c>
      <c r="J325" s="3" t="s">
        <v>1567</v>
      </c>
      <c r="K325" s="3" t="s">
        <v>32</v>
      </c>
      <c r="L325" s="3" t="s">
        <v>33</v>
      </c>
      <c r="M325" s="3" t="s">
        <v>66</v>
      </c>
      <c r="N325" s="3" t="s">
        <v>67</v>
      </c>
      <c r="O325" s="3" t="s">
        <v>52</v>
      </c>
      <c r="P325" s="3" t="s">
        <v>37</v>
      </c>
      <c r="Q325" s="3" t="s">
        <v>37</v>
      </c>
      <c r="R325" s="3" t="s">
        <v>38</v>
      </c>
      <c r="S325" s="3" t="s">
        <v>1568</v>
      </c>
      <c r="T325" s="3" t="s">
        <v>37</v>
      </c>
      <c r="U325" s="3" t="s">
        <v>37</v>
      </c>
      <c r="V325" s="3" t="s">
        <v>37</v>
      </c>
    </row>
    <row r="326" spans="1:22" x14ac:dyDescent="0.25">
      <c r="A326" s="3" t="s">
        <v>913</v>
      </c>
      <c r="B326" s="4" t="s">
        <v>813</v>
      </c>
      <c r="C326" s="3" t="s">
        <v>814</v>
      </c>
      <c r="D326" s="5" t="s">
        <v>986</v>
      </c>
      <c r="E326" s="3" t="s">
        <v>931</v>
      </c>
      <c r="F326" s="3" t="s">
        <v>932</v>
      </c>
      <c r="G326" s="3" t="s">
        <v>142</v>
      </c>
      <c r="H326" s="3" t="s">
        <v>64</v>
      </c>
      <c r="I326" s="3" t="s">
        <v>37</v>
      </c>
      <c r="J326" s="3" t="s">
        <v>933</v>
      </c>
      <c r="K326" s="3" t="s">
        <v>32</v>
      </c>
      <c r="L326" s="3" t="s">
        <v>33</v>
      </c>
      <c r="M326" s="3" t="s">
        <v>66</v>
      </c>
      <c r="N326" s="3" t="s">
        <v>67</v>
      </c>
      <c r="O326" s="3" t="s">
        <v>52</v>
      </c>
      <c r="P326" s="3" t="s">
        <v>37</v>
      </c>
      <c r="Q326" s="3" t="s">
        <v>37</v>
      </c>
      <c r="R326" s="3" t="s">
        <v>38</v>
      </c>
      <c r="S326" s="3" t="s">
        <v>934</v>
      </c>
      <c r="T326" s="3" t="s">
        <v>37</v>
      </c>
      <c r="U326" s="3" t="s">
        <v>37</v>
      </c>
      <c r="V326" s="3" t="s">
        <v>37</v>
      </c>
    </row>
    <row r="327" spans="1:22" x14ac:dyDescent="0.25">
      <c r="A327" s="3" t="s">
        <v>913</v>
      </c>
      <c r="B327" s="4" t="s">
        <v>813</v>
      </c>
      <c r="C327" s="3" t="s">
        <v>814</v>
      </c>
      <c r="D327" s="5" t="s">
        <v>990</v>
      </c>
      <c r="E327" s="3" t="s">
        <v>490</v>
      </c>
      <c r="F327" s="3" t="s">
        <v>676</v>
      </c>
      <c r="G327" s="3" t="s">
        <v>134</v>
      </c>
      <c r="H327" s="3" t="s">
        <v>64</v>
      </c>
      <c r="I327" s="3" t="s">
        <v>791</v>
      </c>
      <c r="J327" s="3" t="s">
        <v>677</v>
      </c>
      <c r="K327" s="3" t="s">
        <v>32</v>
      </c>
      <c r="L327" s="3" t="s">
        <v>494</v>
      </c>
      <c r="M327" s="3" t="s">
        <v>34</v>
      </c>
      <c r="N327" s="3" t="s">
        <v>35</v>
      </c>
      <c r="O327" s="3" t="s">
        <v>86</v>
      </c>
      <c r="P327" s="3" t="s">
        <v>37</v>
      </c>
      <c r="Q327" s="3" t="s">
        <v>37</v>
      </c>
      <c r="R327" s="3" t="s">
        <v>38</v>
      </c>
      <c r="S327" s="3" t="s">
        <v>678</v>
      </c>
      <c r="T327" s="3" t="s">
        <v>37</v>
      </c>
      <c r="U327" s="3" t="s">
        <v>37</v>
      </c>
      <c r="V327" s="3" t="s">
        <v>37</v>
      </c>
    </row>
    <row r="328" spans="1:22" x14ac:dyDescent="0.25">
      <c r="A328" s="3" t="s">
        <v>913</v>
      </c>
      <c r="B328" s="4" t="s">
        <v>813</v>
      </c>
      <c r="C328" s="3" t="s">
        <v>814</v>
      </c>
      <c r="D328" s="5" t="s">
        <v>447</v>
      </c>
      <c r="E328" s="3" t="s">
        <v>490</v>
      </c>
      <c r="F328" s="3" t="s">
        <v>786</v>
      </c>
      <c r="G328" s="3" t="s">
        <v>734</v>
      </c>
      <c r="H328" s="3" t="s">
        <v>64</v>
      </c>
      <c r="I328" s="3" t="s">
        <v>1401</v>
      </c>
      <c r="J328" s="3" t="s">
        <v>788</v>
      </c>
      <c r="K328" s="3" t="s">
        <v>32</v>
      </c>
      <c r="L328" s="3" t="s">
        <v>494</v>
      </c>
      <c r="M328" s="3" t="s">
        <v>34</v>
      </c>
      <c r="N328" s="3" t="s">
        <v>35</v>
      </c>
      <c r="O328" s="3" t="s">
        <v>86</v>
      </c>
      <c r="P328" s="3" t="s">
        <v>37</v>
      </c>
      <c r="Q328" s="3" t="s">
        <v>37</v>
      </c>
      <c r="R328" s="3" t="s">
        <v>38</v>
      </c>
      <c r="S328" s="3" t="s">
        <v>789</v>
      </c>
      <c r="T328" s="3" t="s">
        <v>37</v>
      </c>
      <c r="U328" s="3" t="s">
        <v>37</v>
      </c>
      <c r="V328" s="3" t="s">
        <v>37</v>
      </c>
    </row>
    <row r="329" spans="1:22" x14ac:dyDescent="0.25">
      <c r="A329" s="3" t="s">
        <v>913</v>
      </c>
      <c r="B329" s="4" t="s">
        <v>813</v>
      </c>
      <c r="C329" s="3" t="s">
        <v>814</v>
      </c>
      <c r="D329" s="5" t="s">
        <v>122</v>
      </c>
      <c r="E329" s="3" t="s">
        <v>490</v>
      </c>
      <c r="F329" s="3" t="s">
        <v>1569</v>
      </c>
      <c r="G329" s="3" t="s">
        <v>128</v>
      </c>
      <c r="H329" s="3" t="s">
        <v>29</v>
      </c>
      <c r="I329" s="3" t="s">
        <v>1112</v>
      </c>
      <c r="J329" s="3" t="s">
        <v>1570</v>
      </c>
      <c r="K329" s="3" t="s">
        <v>32</v>
      </c>
      <c r="L329" s="3" t="s">
        <v>37</v>
      </c>
      <c r="M329" s="3" t="s">
        <v>34</v>
      </c>
      <c r="N329" s="3" t="s">
        <v>137</v>
      </c>
      <c r="O329" s="3" t="s">
        <v>86</v>
      </c>
      <c r="P329" s="3" t="s">
        <v>37</v>
      </c>
      <c r="Q329" s="3" t="s">
        <v>37</v>
      </c>
      <c r="R329" s="3" t="s">
        <v>38</v>
      </c>
      <c r="S329" s="3" t="s">
        <v>1571</v>
      </c>
      <c r="T329" s="3" t="s">
        <v>37</v>
      </c>
      <c r="U329" s="3" t="s">
        <v>37</v>
      </c>
      <c r="V329" s="3" t="s">
        <v>37</v>
      </c>
    </row>
    <row r="330" spans="1:22" x14ac:dyDescent="0.25">
      <c r="A330" s="3" t="s">
        <v>913</v>
      </c>
      <c r="B330" s="4" t="s">
        <v>813</v>
      </c>
      <c r="C330" s="3" t="s">
        <v>814</v>
      </c>
      <c r="D330" s="5" t="s">
        <v>319</v>
      </c>
      <c r="E330" s="3" t="s">
        <v>490</v>
      </c>
      <c r="F330" s="3" t="s">
        <v>1572</v>
      </c>
      <c r="G330" s="3" t="s">
        <v>161</v>
      </c>
      <c r="H330" s="3" t="s">
        <v>29</v>
      </c>
      <c r="I330" s="3" t="s">
        <v>1112</v>
      </c>
      <c r="J330" s="3" t="s">
        <v>1573</v>
      </c>
      <c r="K330" s="3" t="s">
        <v>32</v>
      </c>
      <c r="L330" s="3" t="s">
        <v>37</v>
      </c>
      <c r="M330" s="3" t="s">
        <v>34</v>
      </c>
      <c r="N330" s="3" t="s">
        <v>137</v>
      </c>
      <c r="O330" s="3" t="s">
        <v>86</v>
      </c>
      <c r="P330" s="3" t="s">
        <v>37</v>
      </c>
      <c r="Q330" s="3" t="s">
        <v>37</v>
      </c>
      <c r="R330" s="3" t="s">
        <v>38</v>
      </c>
      <c r="S330" s="3" t="s">
        <v>1574</v>
      </c>
      <c r="T330" s="3" t="s">
        <v>37</v>
      </c>
      <c r="U330" s="3" t="s">
        <v>37</v>
      </c>
      <c r="V330" s="3" t="s">
        <v>37</v>
      </c>
    </row>
    <row r="331" spans="1:22" x14ac:dyDescent="0.25">
      <c r="A331" s="3" t="s">
        <v>913</v>
      </c>
      <c r="B331" s="4" t="s">
        <v>813</v>
      </c>
      <c r="C331" s="3" t="s">
        <v>814</v>
      </c>
      <c r="D331" s="5" t="s">
        <v>131</v>
      </c>
      <c r="E331" s="3" t="s">
        <v>936</v>
      </c>
      <c r="F331" s="3" t="s">
        <v>1127</v>
      </c>
      <c r="G331" s="3" t="s">
        <v>161</v>
      </c>
      <c r="H331" s="3" t="s">
        <v>64</v>
      </c>
      <c r="I331" s="3" t="s">
        <v>938</v>
      </c>
      <c r="J331" s="3" t="s">
        <v>1128</v>
      </c>
      <c r="K331" s="3" t="s">
        <v>32</v>
      </c>
      <c r="L331" s="3" t="s">
        <v>33</v>
      </c>
      <c r="M331" s="3" t="s">
        <v>940</v>
      </c>
      <c r="N331" s="3" t="s">
        <v>80</v>
      </c>
      <c r="O331" s="3" t="s">
        <v>152</v>
      </c>
      <c r="P331" s="3" t="s">
        <v>37</v>
      </c>
      <c r="Q331" s="3" t="s">
        <v>37</v>
      </c>
      <c r="R331" s="3" t="s">
        <v>38</v>
      </c>
      <c r="S331" s="3" t="s">
        <v>1129</v>
      </c>
      <c r="T331" s="3" t="s">
        <v>37</v>
      </c>
      <c r="U331" s="3" t="s">
        <v>37</v>
      </c>
      <c r="V331" s="3" t="s">
        <v>37</v>
      </c>
    </row>
    <row r="332" spans="1:22" x14ac:dyDescent="0.25">
      <c r="A332" s="3" t="s">
        <v>913</v>
      </c>
      <c r="B332" s="4" t="s">
        <v>813</v>
      </c>
      <c r="C332" s="3" t="s">
        <v>814</v>
      </c>
      <c r="D332" s="5" t="s">
        <v>656</v>
      </c>
      <c r="E332" s="3" t="s">
        <v>936</v>
      </c>
      <c r="F332" s="3" t="s">
        <v>1130</v>
      </c>
      <c r="G332" s="3" t="s">
        <v>329</v>
      </c>
      <c r="H332" s="3" t="s">
        <v>64</v>
      </c>
      <c r="I332" s="3" t="s">
        <v>938</v>
      </c>
      <c r="J332" s="3" t="s">
        <v>1131</v>
      </c>
      <c r="K332" s="3" t="s">
        <v>32</v>
      </c>
      <c r="L332" s="3" t="s">
        <v>33</v>
      </c>
      <c r="M332" s="3" t="s">
        <v>940</v>
      </c>
      <c r="N332" s="3" t="s">
        <v>80</v>
      </c>
      <c r="O332" s="3" t="s">
        <v>152</v>
      </c>
      <c r="P332" s="3" t="s">
        <v>37</v>
      </c>
      <c r="Q332" s="3" t="s">
        <v>37</v>
      </c>
      <c r="R332" s="3" t="s">
        <v>38</v>
      </c>
      <c r="S332" s="3" t="s">
        <v>1132</v>
      </c>
      <c r="T332" s="3" t="s">
        <v>37</v>
      </c>
      <c r="U332" s="3" t="s">
        <v>37</v>
      </c>
      <c r="V332" s="3" t="s">
        <v>37</v>
      </c>
    </row>
    <row r="333" spans="1:22" x14ac:dyDescent="0.25">
      <c r="A333" s="3" t="s">
        <v>913</v>
      </c>
      <c r="B333" s="4" t="s">
        <v>813</v>
      </c>
      <c r="C333" s="3" t="s">
        <v>814</v>
      </c>
      <c r="D333" s="5" t="s">
        <v>1037</v>
      </c>
      <c r="E333" s="3" t="s">
        <v>936</v>
      </c>
      <c r="F333" s="3" t="s">
        <v>991</v>
      </c>
      <c r="G333" s="3" t="s">
        <v>57</v>
      </c>
      <c r="H333" s="3" t="s">
        <v>64</v>
      </c>
      <c r="I333" s="3" t="s">
        <v>938</v>
      </c>
      <c r="J333" s="3" t="s">
        <v>992</v>
      </c>
      <c r="K333" s="3" t="s">
        <v>32</v>
      </c>
      <c r="L333" s="3" t="s">
        <v>33</v>
      </c>
      <c r="M333" s="3" t="s">
        <v>940</v>
      </c>
      <c r="N333" s="3" t="s">
        <v>80</v>
      </c>
      <c r="O333" s="3" t="s">
        <v>152</v>
      </c>
      <c r="P333" s="3" t="s">
        <v>37</v>
      </c>
      <c r="Q333" s="3" t="s">
        <v>37</v>
      </c>
      <c r="R333" s="3" t="s">
        <v>38</v>
      </c>
      <c r="S333" s="3" t="s">
        <v>993</v>
      </c>
      <c r="T333" s="3" t="s">
        <v>37</v>
      </c>
      <c r="U333" s="3" t="s">
        <v>37</v>
      </c>
      <c r="V333" s="3" t="s">
        <v>37</v>
      </c>
    </row>
    <row r="334" spans="1:22" x14ac:dyDescent="0.25">
      <c r="A334" s="3" t="s">
        <v>913</v>
      </c>
      <c r="B334" s="4" t="s">
        <v>813</v>
      </c>
      <c r="C334" s="3" t="s">
        <v>814</v>
      </c>
      <c r="D334" s="5" t="s">
        <v>459</v>
      </c>
      <c r="E334" s="3" t="s">
        <v>936</v>
      </c>
      <c r="F334" s="3" t="s">
        <v>994</v>
      </c>
      <c r="G334" s="3" t="s">
        <v>192</v>
      </c>
      <c r="H334" s="3" t="s">
        <v>64</v>
      </c>
      <c r="I334" s="3" t="s">
        <v>938</v>
      </c>
      <c r="J334" s="3" t="s">
        <v>995</v>
      </c>
      <c r="K334" s="3" t="s">
        <v>32</v>
      </c>
      <c r="L334" s="3" t="s">
        <v>33</v>
      </c>
      <c r="M334" s="3" t="s">
        <v>940</v>
      </c>
      <c r="N334" s="3" t="s">
        <v>80</v>
      </c>
      <c r="O334" s="3" t="s">
        <v>152</v>
      </c>
      <c r="P334" s="3" t="s">
        <v>37</v>
      </c>
      <c r="Q334" s="3" t="s">
        <v>37</v>
      </c>
      <c r="R334" s="3" t="s">
        <v>38</v>
      </c>
      <c r="S334" s="3" t="s">
        <v>996</v>
      </c>
      <c r="T334" s="3" t="s">
        <v>37</v>
      </c>
      <c r="U334" s="3" t="s">
        <v>37</v>
      </c>
      <c r="V334" s="3" t="s">
        <v>37</v>
      </c>
    </row>
    <row r="335" spans="1:22" x14ac:dyDescent="0.25">
      <c r="A335" s="3" t="s">
        <v>913</v>
      </c>
      <c r="B335" s="4" t="s">
        <v>813</v>
      </c>
      <c r="C335" s="3" t="s">
        <v>814</v>
      </c>
      <c r="D335" s="5" t="s">
        <v>1044</v>
      </c>
      <c r="E335" s="3" t="s">
        <v>936</v>
      </c>
      <c r="F335" s="3" t="s">
        <v>997</v>
      </c>
      <c r="G335" s="3" t="s">
        <v>816</v>
      </c>
      <c r="H335" s="3" t="s">
        <v>64</v>
      </c>
      <c r="I335" s="3" t="s">
        <v>938</v>
      </c>
      <c r="J335" s="3" t="s">
        <v>998</v>
      </c>
      <c r="K335" s="3" t="s">
        <v>32</v>
      </c>
      <c r="L335" s="3" t="s">
        <v>33</v>
      </c>
      <c r="M335" s="3" t="s">
        <v>940</v>
      </c>
      <c r="N335" s="3" t="s">
        <v>80</v>
      </c>
      <c r="O335" s="3" t="s">
        <v>152</v>
      </c>
      <c r="P335" s="3" t="s">
        <v>37</v>
      </c>
      <c r="Q335" s="3" t="s">
        <v>37</v>
      </c>
      <c r="R335" s="3" t="s">
        <v>38</v>
      </c>
      <c r="S335" s="3" t="s">
        <v>999</v>
      </c>
      <c r="T335" s="3" t="s">
        <v>37</v>
      </c>
      <c r="U335" s="3" t="s">
        <v>37</v>
      </c>
      <c r="V335" s="3" t="s">
        <v>37</v>
      </c>
    </row>
    <row r="336" spans="1:22" x14ac:dyDescent="0.25">
      <c r="A336" s="3" t="s">
        <v>913</v>
      </c>
      <c r="B336" s="4" t="s">
        <v>813</v>
      </c>
      <c r="C336" s="3" t="s">
        <v>814</v>
      </c>
      <c r="D336" s="5" t="s">
        <v>145</v>
      </c>
      <c r="E336" s="3" t="s">
        <v>936</v>
      </c>
      <c r="F336" s="3" t="s">
        <v>1000</v>
      </c>
      <c r="G336" s="3" t="s">
        <v>202</v>
      </c>
      <c r="H336" s="3" t="s">
        <v>64</v>
      </c>
      <c r="I336" s="3" t="s">
        <v>938</v>
      </c>
      <c r="J336" s="3" t="s">
        <v>1001</v>
      </c>
      <c r="K336" s="3" t="s">
        <v>32</v>
      </c>
      <c r="L336" s="3" t="s">
        <v>33</v>
      </c>
      <c r="M336" s="3" t="s">
        <v>940</v>
      </c>
      <c r="N336" s="3" t="s">
        <v>80</v>
      </c>
      <c r="O336" s="3" t="s">
        <v>152</v>
      </c>
      <c r="P336" s="3" t="s">
        <v>37</v>
      </c>
      <c r="Q336" s="3" t="s">
        <v>37</v>
      </c>
      <c r="R336" s="3" t="s">
        <v>38</v>
      </c>
      <c r="S336" s="3" t="s">
        <v>1002</v>
      </c>
      <c r="T336" s="3" t="s">
        <v>37</v>
      </c>
      <c r="U336" s="3" t="s">
        <v>37</v>
      </c>
      <c r="V336" s="3" t="s">
        <v>37</v>
      </c>
    </row>
    <row r="337" spans="1:22" x14ac:dyDescent="0.25">
      <c r="A337" s="3" t="s">
        <v>913</v>
      </c>
      <c r="B337" s="4" t="s">
        <v>813</v>
      </c>
      <c r="C337" s="3" t="s">
        <v>814</v>
      </c>
      <c r="D337" s="5" t="s">
        <v>146</v>
      </c>
      <c r="E337" s="3" t="s">
        <v>936</v>
      </c>
      <c r="F337" s="3" t="s">
        <v>1045</v>
      </c>
      <c r="G337" s="3" t="s">
        <v>78</v>
      </c>
      <c r="H337" s="3" t="s">
        <v>64</v>
      </c>
      <c r="I337" s="3" t="s">
        <v>938</v>
      </c>
      <c r="J337" s="3" t="s">
        <v>1046</v>
      </c>
      <c r="K337" s="3" t="s">
        <v>32</v>
      </c>
      <c r="L337" s="3" t="s">
        <v>33</v>
      </c>
      <c r="M337" s="3" t="s">
        <v>940</v>
      </c>
      <c r="N337" s="3" t="s">
        <v>80</v>
      </c>
      <c r="O337" s="3" t="s">
        <v>152</v>
      </c>
      <c r="P337" s="3" t="s">
        <v>37</v>
      </c>
      <c r="Q337" s="3" t="s">
        <v>37</v>
      </c>
      <c r="R337" s="3" t="s">
        <v>38</v>
      </c>
      <c r="S337" s="3" t="s">
        <v>1047</v>
      </c>
      <c r="T337" s="3" t="s">
        <v>37</v>
      </c>
      <c r="U337" s="3" t="s">
        <v>37</v>
      </c>
      <c r="V337" s="3" t="s">
        <v>37</v>
      </c>
    </row>
    <row r="338" spans="1:22" x14ac:dyDescent="0.25">
      <c r="A338" s="3" t="s">
        <v>913</v>
      </c>
      <c r="B338" s="4" t="s">
        <v>813</v>
      </c>
      <c r="C338" s="3" t="s">
        <v>814</v>
      </c>
      <c r="D338" s="5" t="s">
        <v>1257</v>
      </c>
      <c r="E338" s="3" t="s">
        <v>936</v>
      </c>
      <c r="F338" s="3" t="s">
        <v>1263</v>
      </c>
      <c r="G338" s="3" t="s">
        <v>225</v>
      </c>
      <c r="H338" s="3" t="s">
        <v>64</v>
      </c>
      <c r="I338" s="3" t="s">
        <v>938</v>
      </c>
      <c r="J338" s="3" t="s">
        <v>1264</v>
      </c>
      <c r="K338" s="3" t="s">
        <v>32</v>
      </c>
      <c r="L338" s="3" t="s">
        <v>33</v>
      </c>
      <c r="M338" s="3" t="s">
        <v>940</v>
      </c>
      <c r="N338" s="3" t="s">
        <v>80</v>
      </c>
      <c r="O338" s="3" t="s">
        <v>152</v>
      </c>
      <c r="P338" s="3" t="s">
        <v>37</v>
      </c>
      <c r="Q338" s="3" t="s">
        <v>37</v>
      </c>
      <c r="R338" s="3" t="s">
        <v>38</v>
      </c>
      <c r="S338" s="3" t="s">
        <v>1265</v>
      </c>
      <c r="T338" s="3" t="s">
        <v>37</v>
      </c>
      <c r="U338" s="3" t="s">
        <v>37</v>
      </c>
      <c r="V338" s="3" t="s">
        <v>37</v>
      </c>
    </row>
    <row r="339" spans="1:22" x14ac:dyDescent="0.25">
      <c r="A339" s="3" t="s">
        <v>913</v>
      </c>
      <c r="B339" s="4" t="s">
        <v>813</v>
      </c>
      <c r="C339" s="3" t="s">
        <v>814</v>
      </c>
      <c r="D339" s="5" t="s">
        <v>159</v>
      </c>
      <c r="E339" s="3" t="s">
        <v>936</v>
      </c>
      <c r="F339" s="3" t="s">
        <v>1003</v>
      </c>
      <c r="G339" s="3" t="s">
        <v>90</v>
      </c>
      <c r="H339" s="3" t="s">
        <v>64</v>
      </c>
      <c r="I339" s="3" t="s">
        <v>938</v>
      </c>
      <c r="J339" s="3" t="s">
        <v>1004</v>
      </c>
      <c r="K339" s="3" t="s">
        <v>32</v>
      </c>
      <c r="L339" s="3" t="s">
        <v>33</v>
      </c>
      <c r="M339" s="3" t="s">
        <v>940</v>
      </c>
      <c r="N339" s="3" t="s">
        <v>80</v>
      </c>
      <c r="O339" s="3" t="s">
        <v>152</v>
      </c>
      <c r="P339" s="3" t="s">
        <v>37</v>
      </c>
      <c r="Q339" s="3" t="s">
        <v>37</v>
      </c>
      <c r="R339" s="3" t="s">
        <v>38</v>
      </c>
      <c r="S339" s="3" t="s">
        <v>1005</v>
      </c>
      <c r="T339" s="3" t="s">
        <v>37</v>
      </c>
      <c r="U339" s="3" t="s">
        <v>37</v>
      </c>
      <c r="V339" s="3" t="s">
        <v>37</v>
      </c>
    </row>
    <row r="340" spans="1:22" x14ac:dyDescent="0.25">
      <c r="A340" s="3" t="s">
        <v>913</v>
      </c>
      <c r="B340" s="4" t="s">
        <v>813</v>
      </c>
      <c r="C340" s="3" t="s">
        <v>814</v>
      </c>
      <c r="D340" s="5" t="s">
        <v>665</v>
      </c>
      <c r="E340" s="3" t="s">
        <v>936</v>
      </c>
      <c r="F340" s="3" t="s">
        <v>1007</v>
      </c>
      <c r="G340" s="3" t="s">
        <v>95</v>
      </c>
      <c r="H340" s="3" t="s">
        <v>64</v>
      </c>
      <c r="I340" s="3" t="s">
        <v>938</v>
      </c>
      <c r="J340" s="3" t="s">
        <v>1008</v>
      </c>
      <c r="K340" s="3" t="s">
        <v>32</v>
      </c>
      <c r="L340" s="3" t="s">
        <v>33</v>
      </c>
      <c r="M340" s="3" t="s">
        <v>940</v>
      </c>
      <c r="N340" s="3" t="s">
        <v>80</v>
      </c>
      <c r="O340" s="3" t="s">
        <v>152</v>
      </c>
      <c r="P340" s="3" t="s">
        <v>37</v>
      </c>
      <c r="Q340" s="3" t="s">
        <v>37</v>
      </c>
      <c r="R340" s="3" t="s">
        <v>38</v>
      </c>
      <c r="S340" s="3" t="s">
        <v>1009</v>
      </c>
      <c r="T340" s="3" t="s">
        <v>37</v>
      </c>
      <c r="U340" s="3" t="s">
        <v>37</v>
      </c>
      <c r="V340" s="3" t="s">
        <v>37</v>
      </c>
    </row>
    <row r="341" spans="1:22" x14ac:dyDescent="0.25">
      <c r="A341" s="3" t="s">
        <v>913</v>
      </c>
      <c r="B341" s="4" t="s">
        <v>813</v>
      </c>
      <c r="C341" s="3" t="s">
        <v>814</v>
      </c>
      <c r="D341" s="5" t="s">
        <v>1266</v>
      </c>
      <c r="E341" s="3" t="s">
        <v>936</v>
      </c>
      <c r="F341" s="3" t="s">
        <v>1024</v>
      </c>
      <c r="G341" s="3" t="s">
        <v>177</v>
      </c>
      <c r="H341" s="3" t="s">
        <v>64</v>
      </c>
      <c r="I341" s="3" t="s">
        <v>938</v>
      </c>
      <c r="J341" s="3" t="s">
        <v>1025</v>
      </c>
      <c r="K341" s="3" t="s">
        <v>32</v>
      </c>
      <c r="L341" s="3" t="s">
        <v>33</v>
      </c>
      <c r="M341" s="3" t="s">
        <v>940</v>
      </c>
      <c r="N341" s="3" t="s">
        <v>80</v>
      </c>
      <c r="O341" s="3" t="s">
        <v>152</v>
      </c>
      <c r="P341" s="3" t="s">
        <v>37</v>
      </c>
      <c r="Q341" s="3" t="s">
        <v>37</v>
      </c>
      <c r="R341" s="3" t="s">
        <v>38</v>
      </c>
      <c r="S341" s="3" t="s">
        <v>1026</v>
      </c>
      <c r="T341" s="3" t="s">
        <v>37</v>
      </c>
      <c r="U341" s="3" t="s">
        <v>37</v>
      </c>
      <c r="V341" s="3" t="s">
        <v>37</v>
      </c>
    </row>
    <row r="342" spans="1:22" x14ac:dyDescent="0.25">
      <c r="A342" s="3" t="s">
        <v>913</v>
      </c>
      <c r="B342" s="4" t="s">
        <v>813</v>
      </c>
      <c r="C342" s="3" t="s">
        <v>814</v>
      </c>
      <c r="D342" s="5" t="s">
        <v>1059</v>
      </c>
      <c r="E342" s="3" t="s">
        <v>936</v>
      </c>
      <c r="F342" s="3" t="s">
        <v>1034</v>
      </c>
      <c r="G342" s="3" t="s">
        <v>64</v>
      </c>
      <c r="H342" s="3" t="s">
        <v>64</v>
      </c>
      <c r="I342" s="3" t="s">
        <v>938</v>
      </c>
      <c r="J342" s="3" t="s">
        <v>1035</v>
      </c>
      <c r="K342" s="3" t="s">
        <v>32</v>
      </c>
      <c r="L342" s="3" t="s">
        <v>33</v>
      </c>
      <c r="M342" s="3" t="s">
        <v>940</v>
      </c>
      <c r="N342" s="3" t="s">
        <v>80</v>
      </c>
      <c r="O342" s="3" t="s">
        <v>152</v>
      </c>
      <c r="P342" s="3" t="s">
        <v>37</v>
      </c>
      <c r="Q342" s="3" t="s">
        <v>37</v>
      </c>
      <c r="R342" s="3" t="s">
        <v>38</v>
      </c>
      <c r="S342" s="3" t="s">
        <v>1036</v>
      </c>
      <c r="T342" s="3" t="s">
        <v>37</v>
      </c>
      <c r="U342" s="3" t="s">
        <v>37</v>
      </c>
      <c r="V342" s="3" t="s">
        <v>37</v>
      </c>
    </row>
    <row r="343" spans="1:22" x14ac:dyDescent="0.25">
      <c r="A343" s="3" t="s">
        <v>913</v>
      </c>
      <c r="B343" s="4" t="s">
        <v>813</v>
      </c>
      <c r="C343" s="3" t="s">
        <v>814</v>
      </c>
      <c r="D343" s="5" t="s">
        <v>170</v>
      </c>
      <c r="E343" s="3" t="s">
        <v>936</v>
      </c>
      <c r="F343" s="3" t="s">
        <v>1031</v>
      </c>
      <c r="G343" s="3" t="s">
        <v>29</v>
      </c>
      <c r="H343" s="3" t="s">
        <v>64</v>
      </c>
      <c r="I343" s="3" t="s">
        <v>938</v>
      </c>
      <c r="J343" s="3" t="s">
        <v>1032</v>
      </c>
      <c r="K343" s="3" t="s">
        <v>32</v>
      </c>
      <c r="L343" s="3" t="s">
        <v>33</v>
      </c>
      <c r="M343" s="3" t="s">
        <v>940</v>
      </c>
      <c r="N343" s="3" t="s">
        <v>80</v>
      </c>
      <c r="O343" s="3" t="s">
        <v>152</v>
      </c>
      <c r="P343" s="3" t="s">
        <v>37</v>
      </c>
      <c r="Q343" s="3" t="s">
        <v>37</v>
      </c>
      <c r="R343" s="3" t="s">
        <v>38</v>
      </c>
      <c r="S343" s="3" t="s">
        <v>1033</v>
      </c>
      <c r="T343" s="3" t="s">
        <v>37</v>
      </c>
      <c r="U343" s="3" t="s">
        <v>37</v>
      </c>
      <c r="V343" s="3" t="s">
        <v>37</v>
      </c>
    </row>
    <row r="344" spans="1:22" x14ac:dyDescent="0.25">
      <c r="A344" s="3" t="s">
        <v>913</v>
      </c>
      <c r="B344" s="4" t="s">
        <v>813</v>
      </c>
      <c r="C344" s="3" t="s">
        <v>814</v>
      </c>
      <c r="D344" s="5" t="s">
        <v>1267</v>
      </c>
      <c r="E344" s="3" t="s">
        <v>936</v>
      </c>
      <c r="F344" s="3" t="s">
        <v>1045</v>
      </c>
      <c r="G344" s="3" t="s">
        <v>78</v>
      </c>
      <c r="H344" s="3" t="s">
        <v>64</v>
      </c>
      <c r="I344" s="3" t="s">
        <v>938</v>
      </c>
      <c r="J344" s="3" t="s">
        <v>1046</v>
      </c>
      <c r="K344" s="3" t="s">
        <v>32</v>
      </c>
      <c r="L344" s="3" t="s">
        <v>33</v>
      </c>
      <c r="M344" s="3" t="s">
        <v>940</v>
      </c>
      <c r="N344" s="3" t="s">
        <v>80</v>
      </c>
      <c r="O344" s="3" t="s">
        <v>152</v>
      </c>
      <c r="P344" s="3" t="s">
        <v>37</v>
      </c>
      <c r="Q344" s="3" t="s">
        <v>37</v>
      </c>
      <c r="R344" s="3" t="s">
        <v>38</v>
      </c>
      <c r="S344" s="3" t="s">
        <v>1047</v>
      </c>
      <c r="T344" s="3" t="s">
        <v>37</v>
      </c>
      <c r="U344" s="3" t="s">
        <v>37</v>
      </c>
      <c r="V344" s="3" t="s">
        <v>37</v>
      </c>
    </row>
    <row r="345" spans="1:22" x14ac:dyDescent="0.25">
      <c r="A345" s="3" t="s">
        <v>913</v>
      </c>
      <c r="B345" s="4" t="s">
        <v>813</v>
      </c>
      <c r="C345" s="3" t="s">
        <v>814</v>
      </c>
      <c r="D345" s="5" t="s">
        <v>1063</v>
      </c>
      <c r="E345" s="3" t="s">
        <v>961</v>
      </c>
      <c r="F345" s="3" t="s">
        <v>977</v>
      </c>
      <c r="G345" s="3" t="s">
        <v>809</v>
      </c>
      <c r="H345" s="3" t="s">
        <v>78</v>
      </c>
      <c r="I345" s="3" t="s">
        <v>37</v>
      </c>
      <c r="J345" s="7" t="s">
        <v>1064</v>
      </c>
      <c r="K345" s="3" t="s">
        <v>32</v>
      </c>
      <c r="L345" s="3" t="s">
        <v>33</v>
      </c>
      <c r="M345" s="3" t="s">
        <v>66</v>
      </c>
      <c r="N345" s="3" t="s">
        <v>80</v>
      </c>
      <c r="O345" s="3" t="s">
        <v>86</v>
      </c>
      <c r="P345" s="3" t="s">
        <v>37</v>
      </c>
      <c r="Q345" s="3" t="s">
        <v>37</v>
      </c>
      <c r="R345" s="3" t="s">
        <v>38</v>
      </c>
      <c r="S345" s="3" t="s">
        <v>1168</v>
      </c>
      <c r="T345" s="3" t="s">
        <v>37</v>
      </c>
      <c r="U345" s="3" t="s">
        <v>37</v>
      </c>
      <c r="V345" s="3" t="s">
        <v>37</v>
      </c>
    </row>
    <row r="346" spans="1:22" x14ac:dyDescent="0.25">
      <c r="A346" s="3" t="s">
        <v>913</v>
      </c>
      <c r="B346" s="4" t="s">
        <v>813</v>
      </c>
      <c r="C346" s="3" t="s">
        <v>814</v>
      </c>
      <c r="D346" s="5" t="s">
        <v>1066</v>
      </c>
      <c r="E346" s="3" t="s">
        <v>931</v>
      </c>
      <c r="F346" s="3" t="s">
        <v>1575</v>
      </c>
      <c r="G346" s="3" t="s">
        <v>444</v>
      </c>
      <c r="H346" s="3" t="s">
        <v>64</v>
      </c>
      <c r="I346" s="3" t="s">
        <v>37</v>
      </c>
      <c r="J346" s="3" t="s">
        <v>1576</v>
      </c>
      <c r="K346" s="3" t="s">
        <v>32</v>
      </c>
      <c r="L346" s="3" t="s">
        <v>33</v>
      </c>
      <c r="M346" s="3" t="s">
        <v>66</v>
      </c>
      <c r="N346" s="3" t="s">
        <v>67</v>
      </c>
      <c r="O346" s="3" t="s">
        <v>52</v>
      </c>
      <c r="P346" s="3" t="s">
        <v>37</v>
      </c>
      <c r="Q346" s="3" t="s">
        <v>37</v>
      </c>
      <c r="R346" s="3" t="s">
        <v>38</v>
      </c>
      <c r="S346" s="3" t="s">
        <v>1577</v>
      </c>
      <c r="T346" s="3" t="s">
        <v>121</v>
      </c>
      <c r="U346" s="3" t="s">
        <v>37</v>
      </c>
      <c r="V346" s="3" t="s">
        <v>37</v>
      </c>
    </row>
    <row r="347" spans="1:22" x14ac:dyDescent="0.25">
      <c r="A347" s="3" t="s">
        <v>913</v>
      </c>
      <c r="B347" s="4" t="s">
        <v>813</v>
      </c>
      <c r="C347" s="3" t="s">
        <v>814</v>
      </c>
      <c r="D347" s="5" t="s">
        <v>1069</v>
      </c>
      <c r="E347" s="3" t="s">
        <v>1051</v>
      </c>
      <c r="F347" s="3" t="s">
        <v>1578</v>
      </c>
      <c r="G347" s="3" t="s">
        <v>202</v>
      </c>
      <c r="H347" s="3" t="s">
        <v>29</v>
      </c>
      <c r="I347" s="3" t="s">
        <v>37</v>
      </c>
      <c r="J347" s="3" t="s">
        <v>1579</v>
      </c>
      <c r="K347" s="3" t="s">
        <v>32</v>
      </c>
      <c r="L347" s="3" t="s">
        <v>33</v>
      </c>
      <c r="M347" s="3" t="s">
        <v>66</v>
      </c>
      <c r="N347" s="3" t="s">
        <v>67</v>
      </c>
      <c r="O347" s="3" t="s">
        <v>86</v>
      </c>
      <c r="P347" s="3" t="s">
        <v>37</v>
      </c>
      <c r="Q347" s="3" t="s">
        <v>37</v>
      </c>
      <c r="R347" s="3" t="s">
        <v>38</v>
      </c>
      <c r="S347" s="3" t="s">
        <v>1580</v>
      </c>
      <c r="T347" s="3" t="s">
        <v>37</v>
      </c>
      <c r="U347" s="3" t="s">
        <v>37</v>
      </c>
      <c r="V347" s="3" t="s">
        <v>37</v>
      </c>
    </row>
    <row r="348" spans="1:22" x14ac:dyDescent="0.25">
      <c r="A348" s="3" t="s">
        <v>913</v>
      </c>
      <c r="B348" s="4" t="s">
        <v>813</v>
      </c>
      <c r="C348" s="3" t="s">
        <v>814</v>
      </c>
      <c r="D348" s="5" t="s">
        <v>1075</v>
      </c>
      <c r="E348" s="3" t="s">
        <v>490</v>
      </c>
      <c r="F348" s="3" t="s">
        <v>1581</v>
      </c>
      <c r="G348" s="3" t="s">
        <v>1582</v>
      </c>
      <c r="H348" s="3" t="s">
        <v>225</v>
      </c>
      <c r="I348" s="3" t="s">
        <v>37</v>
      </c>
      <c r="J348" s="3" t="s">
        <v>1583</v>
      </c>
      <c r="K348" s="3" t="s">
        <v>32</v>
      </c>
      <c r="L348" s="3" t="s">
        <v>33</v>
      </c>
      <c r="M348" s="3" t="s">
        <v>34</v>
      </c>
      <c r="N348" s="3" t="s">
        <v>80</v>
      </c>
      <c r="O348" s="3" t="s">
        <v>86</v>
      </c>
      <c r="P348" s="3" t="s">
        <v>37</v>
      </c>
      <c r="Q348" s="3" t="s">
        <v>37</v>
      </c>
      <c r="R348" s="3" t="s">
        <v>38</v>
      </c>
      <c r="S348" s="3" t="s">
        <v>1584</v>
      </c>
      <c r="T348" s="3" t="s">
        <v>37</v>
      </c>
      <c r="U348" s="3" t="s">
        <v>37</v>
      </c>
      <c r="V348" s="3" t="s">
        <v>37</v>
      </c>
    </row>
    <row r="349" spans="1:22" x14ac:dyDescent="0.25">
      <c r="A349" s="3" t="s">
        <v>913</v>
      </c>
      <c r="B349" s="4" t="s">
        <v>813</v>
      </c>
      <c r="C349" s="3" t="s">
        <v>814</v>
      </c>
      <c r="D349" s="5" t="s">
        <v>1080</v>
      </c>
      <c r="E349" s="3" t="s">
        <v>1081</v>
      </c>
      <c r="F349" s="3" t="s">
        <v>1585</v>
      </c>
      <c r="G349" s="3" t="s">
        <v>1352</v>
      </c>
      <c r="H349" s="3" t="s">
        <v>78</v>
      </c>
      <c r="I349" s="3" t="s">
        <v>37</v>
      </c>
      <c r="J349" s="3" t="s">
        <v>1586</v>
      </c>
      <c r="K349" s="3" t="s">
        <v>32</v>
      </c>
      <c r="L349" s="3" t="s">
        <v>33</v>
      </c>
      <c r="M349" s="3" t="s">
        <v>66</v>
      </c>
      <c r="N349" s="3" t="s">
        <v>67</v>
      </c>
      <c r="O349" s="3" t="s">
        <v>36</v>
      </c>
      <c r="P349" s="3" t="s">
        <v>37</v>
      </c>
      <c r="Q349" s="3" t="s">
        <v>37</v>
      </c>
      <c r="R349" s="3" t="s">
        <v>38</v>
      </c>
      <c r="S349" s="3" t="s">
        <v>1587</v>
      </c>
      <c r="T349" s="3" t="s">
        <v>37</v>
      </c>
      <c r="U349" s="3" t="s">
        <v>37</v>
      </c>
      <c r="V349" s="3" t="s">
        <v>37</v>
      </c>
    </row>
    <row r="350" spans="1:22" x14ac:dyDescent="0.25">
      <c r="A350" s="3" t="s">
        <v>913</v>
      </c>
      <c r="B350" s="4" t="s">
        <v>813</v>
      </c>
      <c r="C350" s="3" t="s">
        <v>814</v>
      </c>
      <c r="D350" s="5" t="s">
        <v>200</v>
      </c>
      <c r="E350" s="3" t="s">
        <v>1086</v>
      </c>
      <c r="F350" s="3" t="s">
        <v>1588</v>
      </c>
      <c r="G350" s="3" t="s">
        <v>1589</v>
      </c>
      <c r="H350" s="3" t="s">
        <v>225</v>
      </c>
      <c r="I350" s="3" t="s">
        <v>37</v>
      </c>
      <c r="J350" s="3" t="s">
        <v>1590</v>
      </c>
      <c r="K350" s="3" t="s">
        <v>32</v>
      </c>
      <c r="L350" s="3" t="s">
        <v>33</v>
      </c>
      <c r="M350" s="3" t="s">
        <v>66</v>
      </c>
      <c r="N350" s="3" t="s">
        <v>51</v>
      </c>
      <c r="O350" s="3" t="s">
        <v>86</v>
      </c>
      <c r="P350" s="3" t="s">
        <v>37</v>
      </c>
      <c r="Q350" s="3" t="s">
        <v>37</v>
      </c>
      <c r="R350" s="3" t="s">
        <v>38</v>
      </c>
      <c r="S350" s="3" t="s">
        <v>1591</v>
      </c>
      <c r="T350" s="3" t="s">
        <v>37</v>
      </c>
      <c r="U350" s="3" t="s">
        <v>37</v>
      </c>
      <c r="V350" s="3" t="s">
        <v>37</v>
      </c>
    </row>
    <row r="351" spans="1:22" x14ac:dyDescent="0.25">
      <c r="A351" s="3" t="s">
        <v>913</v>
      </c>
      <c r="B351" s="4" t="s">
        <v>813</v>
      </c>
      <c r="C351" s="3" t="s">
        <v>814</v>
      </c>
      <c r="D351" s="5" t="s">
        <v>1091</v>
      </c>
      <c r="E351" s="3" t="s">
        <v>1592</v>
      </c>
      <c r="F351" s="3" t="s">
        <v>1593</v>
      </c>
      <c r="G351" s="3" t="s">
        <v>1175</v>
      </c>
      <c r="H351" s="3" t="s">
        <v>225</v>
      </c>
      <c r="I351" s="3" t="s">
        <v>1594</v>
      </c>
      <c r="J351" s="3" t="s">
        <v>1595</v>
      </c>
      <c r="K351" s="3" t="s">
        <v>32</v>
      </c>
      <c r="L351" s="3" t="s">
        <v>33</v>
      </c>
      <c r="M351" s="3" t="s">
        <v>66</v>
      </c>
      <c r="N351" s="3" t="s">
        <v>51</v>
      </c>
      <c r="O351" s="3" t="s">
        <v>86</v>
      </c>
      <c r="P351" s="3" t="s">
        <v>37</v>
      </c>
      <c r="Q351" s="3" t="s">
        <v>37</v>
      </c>
      <c r="R351" s="3" t="s">
        <v>38</v>
      </c>
      <c r="S351" s="3" t="s">
        <v>1596</v>
      </c>
      <c r="T351" s="3" t="s">
        <v>37</v>
      </c>
      <c r="U351" s="3" t="s">
        <v>37</v>
      </c>
      <c r="V351" s="3" t="s">
        <v>37</v>
      </c>
    </row>
    <row r="352" spans="1:22" x14ac:dyDescent="0.25">
      <c r="A352" s="3" t="s">
        <v>913</v>
      </c>
      <c r="B352" s="4" t="s">
        <v>813</v>
      </c>
      <c r="C352" s="3" t="s">
        <v>814</v>
      </c>
      <c r="D352" s="5" t="s">
        <v>489</v>
      </c>
      <c r="E352" s="3" t="s">
        <v>936</v>
      </c>
      <c r="F352" s="3" t="s">
        <v>1597</v>
      </c>
      <c r="G352" s="3" t="s">
        <v>444</v>
      </c>
      <c r="H352" s="3" t="s">
        <v>64</v>
      </c>
      <c r="I352" s="3" t="s">
        <v>938</v>
      </c>
      <c r="J352" s="3" t="s">
        <v>1598</v>
      </c>
      <c r="K352" s="3" t="s">
        <v>32</v>
      </c>
      <c r="L352" s="3" t="s">
        <v>33</v>
      </c>
      <c r="M352" s="3" t="s">
        <v>940</v>
      </c>
      <c r="N352" s="3" t="s">
        <v>80</v>
      </c>
      <c r="O352" s="3" t="s">
        <v>152</v>
      </c>
      <c r="P352" s="3" t="s">
        <v>37</v>
      </c>
      <c r="Q352" s="3" t="s">
        <v>37</v>
      </c>
      <c r="R352" s="3" t="s">
        <v>38</v>
      </c>
      <c r="S352" s="3" t="s">
        <v>1599</v>
      </c>
      <c r="T352" s="3" t="s">
        <v>37</v>
      </c>
      <c r="U352" s="3" t="s">
        <v>37</v>
      </c>
      <c r="V352" s="3" t="s">
        <v>37</v>
      </c>
    </row>
    <row r="353" spans="1:22" x14ac:dyDescent="0.25">
      <c r="A353" s="3" t="s">
        <v>913</v>
      </c>
      <c r="B353" s="4" t="s">
        <v>813</v>
      </c>
      <c r="C353" s="3" t="s">
        <v>814</v>
      </c>
      <c r="D353" s="5" t="s">
        <v>1291</v>
      </c>
      <c r="E353" s="3" t="s">
        <v>936</v>
      </c>
      <c r="F353" s="3" t="s">
        <v>1218</v>
      </c>
      <c r="G353" s="3" t="s">
        <v>711</v>
      </c>
      <c r="H353" s="3" t="s">
        <v>64</v>
      </c>
      <c r="I353" s="3" t="s">
        <v>1600</v>
      </c>
      <c r="J353" s="3" t="s">
        <v>1219</v>
      </c>
      <c r="K353" s="3" t="s">
        <v>32</v>
      </c>
      <c r="L353" s="3" t="s">
        <v>33</v>
      </c>
      <c r="M353" s="3" t="s">
        <v>940</v>
      </c>
      <c r="N353" s="3" t="s">
        <v>80</v>
      </c>
      <c r="O353" s="3" t="s">
        <v>152</v>
      </c>
      <c r="P353" s="3" t="s">
        <v>37</v>
      </c>
      <c r="Q353" s="3" t="s">
        <v>37</v>
      </c>
      <c r="R353" s="3" t="s">
        <v>38</v>
      </c>
      <c r="S353" s="3" t="s">
        <v>1220</v>
      </c>
      <c r="T353" s="3" t="s">
        <v>37</v>
      </c>
      <c r="U353" s="3" t="s">
        <v>37</v>
      </c>
      <c r="V353" s="3" t="s">
        <v>37</v>
      </c>
    </row>
    <row r="354" spans="1:22" x14ac:dyDescent="0.25">
      <c r="A354" s="3" t="s">
        <v>913</v>
      </c>
      <c r="B354" s="4" t="s">
        <v>813</v>
      </c>
      <c r="C354" s="3" t="s">
        <v>814</v>
      </c>
      <c r="D354" s="5" t="s">
        <v>1295</v>
      </c>
      <c r="E354" s="3" t="s">
        <v>936</v>
      </c>
      <c r="F354" s="3" t="s">
        <v>1222</v>
      </c>
      <c r="G354" s="3" t="s">
        <v>773</v>
      </c>
      <c r="H354" s="3" t="s">
        <v>64</v>
      </c>
      <c r="I354" s="3" t="s">
        <v>1600</v>
      </c>
      <c r="J354" s="3" t="s">
        <v>1223</v>
      </c>
      <c r="K354" s="3" t="s">
        <v>32</v>
      </c>
      <c r="L354" s="3" t="s">
        <v>33</v>
      </c>
      <c r="M354" s="3" t="s">
        <v>940</v>
      </c>
      <c r="N354" s="3" t="s">
        <v>80</v>
      </c>
      <c r="O354" s="3" t="s">
        <v>152</v>
      </c>
      <c r="P354" s="3" t="s">
        <v>37</v>
      </c>
      <c r="Q354" s="3" t="s">
        <v>37</v>
      </c>
      <c r="R354" s="3" t="s">
        <v>38</v>
      </c>
      <c r="S354" s="3" t="s">
        <v>1224</v>
      </c>
      <c r="T354" s="3" t="s">
        <v>37</v>
      </c>
      <c r="U354" s="3" t="s">
        <v>37</v>
      </c>
      <c r="V354" s="3" t="s">
        <v>37</v>
      </c>
    </row>
    <row r="355" spans="1:22" x14ac:dyDescent="0.25">
      <c r="A355" s="3" t="s">
        <v>913</v>
      </c>
      <c r="B355" s="4" t="s">
        <v>813</v>
      </c>
      <c r="C355" s="3" t="s">
        <v>814</v>
      </c>
      <c r="D355" s="5" t="s">
        <v>1096</v>
      </c>
      <c r="E355" s="3" t="s">
        <v>961</v>
      </c>
      <c r="F355" s="3" t="s">
        <v>977</v>
      </c>
      <c r="G355" s="3" t="s">
        <v>809</v>
      </c>
      <c r="H355" s="3" t="s">
        <v>78</v>
      </c>
      <c r="I355" s="3" t="s">
        <v>37</v>
      </c>
      <c r="J355" s="7" t="s">
        <v>1064</v>
      </c>
      <c r="K355" s="3" t="s">
        <v>32</v>
      </c>
      <c r="L355" s="3" t="s">
        <v>33</v>
      </c>
      <c r="M355" s="3" t="s">
        <v>66</v>
      </c>
      <c r="N355" s="3" t="s">
        <v>80</v>
      </c>
      <c r="O355" s="3" t="s">
        <v>86</v>
      </c>
      <c r="P355" s="3" t="s">
        <v>37</v>
      </c>
      <c r="Q355" s="3" t="s">
        <v>37</v>
      </c>
      <c r="R355" s="3" t="s">
        <v>38</v>
      </c>
      <c r="S355" s="3" t="s">
        <v>1168</v>
      </c>
      <c r="T355" s="3" t="s">
        <v>37</v>
      </c>
      <c r="U355" s="3" t="s">
        <v>37</v>
      </c>
      <c r="V355" s="3" t="s">
        <v>37</v>
      </c>
    </row>
    <row r="356" spans="1:22" x14ac:dyDescent="0.25">
      <c r="A356" s="3" t="s">
        <v>913</v>
      </c>
      <c r="B356" s="4" t="s">
        <v>813</v>
      </c>
      <c r="C356" s="3" t="s">
        <v>814</v>
      </c>
      <c r="D356" s="5" t="s">
        <v>219</v>
      </c>
      <c r="E356" s="3" t="s">
        <v>931</v>
      </c>
      <c r="F356" s="3" t="s">
        <v>1575</v>
      </c>
      <c r="G356" s="3" t="s">
        <v>444</v>
      </c>
      <c r="H356" s="3" t="s">
        <v>64</v>
      </c>
      <c r="I356" s="3" t="s">
        <v>37</v>
      </c>
      <c r="J356" s="3" t="s">
        <v>1576</v>
      </c>
      <c r="K356" s="3" t="s">
        <v>32</v>
      </c>
      <c r="L356" s="3" t="s">
        <v>33</v>
      </c>
      <c r="M356" s="3" t="s">
        <v>66</v>
      </c>
      <c r="N356" s="3" t="s">
        <v>67</v>
      </c>
      <c r="O356" s="3" t="s">
        <v>52</v>
      </c>
      <c r="P356" s="3" t="s">
        <v>37</v>
      </c>
      <c r="Q356" s="3" t="s">
        <v>37</v>
      </c>
      <c r="R356" s="3" t="s">
        <v>38</v>
      </c>
      <c r="S356" s="3" t="s">
        <v>1577</v>
      </c>
      <c r="T356" s="3" t="s">
        <v>37</v>
      </c>
      <c r="U356" s="3" t="s">
        <v>37</v>
      </c>
      <c r="V356" s="3" t="s">
        <v>37</v>
      </c>
    </row>
    <row r="357" spans="1:22" x14ac:dyDescent="0.25">
      <c r="A357" s="3" t="s">
        <v>913</v>
      </c>
      <c r="B357" s="4" t="s">
        <v>813</v>
      </c>
      <c r="C357" s="3" t="s">
        <v>814</v>
      </c>
      <c r="D357" s="5" t="s">
        <v>378</v>
      </c>
      <c r="E357" s="3" t="s">
        <v>1051</v>
      </c>
      <c r="F357" s="3" t="s">
        <v>1578</v>
      </c>
      <c r="G357" s="3" t="s">
        <v>202</v>
      </c>
      <c r="H357" s="3" t="s">
        <v>29</v>
      </c>
      <c r="I357" s="3" t="s">
        <v>37</v>
      </c>
      <c r="J357" s="3" t="s">
        <v>1579</v>
      </c>
      <c r="K357" s="3" t="s">
        <v>32</v>
      </c>
      <c r="L357" s="3" t="s">
        <v>33</v>
      </c>
      <c r="M357" s="3" t="s">
        <v>66</v>
      </c>
      <c r="N357" s="3" t="s">
        <v>67</v>
      </c>
      <c r="O357" s="3" t="s">
        <v>86</v>
      </c>
      <c r="P357" s="3" t="s">
        <v>37</v>
      </c>
      <c r="Q357" s="3" t="s">
        <v>37</v>
      </c>
      <c r="R357" s="3" t="s">
        <v>38</v>
      </c>
      <c r="S357" s="3" t="s">
        <v>1580</v>
      </c>
      <c r="T357" s="3" t="s">
        <v>37</v>
      </c>
      <c r="U357" s="3" t="s">
        <v>37</v>
      </c>
      <c r="V357" s="3" t="s">
        <v>37</v>
      </c>
    </row>
    <row r="358" spans="1:22" x14ac:dyDescent="0.25">
      <c r="A358" s="3" t="s">
        <v>913</v>
      </c>
      <c r="B358" s="4" t="s">
        <v>813</v>
      </c>
      <c r="C358" s="3" t="s">
        <v>814</v>
      </c>
      <c r="D358" s="5" t="s">
        <v>228</v>
      </c>
      <c r="E358" s="3" t="s">
        <v>490</v>
      </c>
      <c r="F358" s="3" t="s">
        <v>1581</v>
      </c>
      <c r="G358" s="3" t="s">
        <v>1582</v>
      </c>
      <c r="H358" s="3" t="s">
        <v>225</v>
      </c>
      <c r="I358" s="3" t="s">
        <v>37</v>
      </c>
      <c r="J358" s="3" t="s">
        <v>1583</v>
      </c>
      <c r="K358" s="3" t="s">
        <v>32</v>
      </c>
      <c r="L358" s="3" t="s">
        <v>33</v>
      </c>
      <c r="M358" s="3" t="s">
        <v>34</v>
      </c>
      <c r="N358" s="3" t="s">
        <v>80</v>
      </c>
      <c r="O358" s="3" t="s">
        <v>86</v>
      </c>
      <c r="P358" s="3" t="s">
        <v>37</v>
      </c>
      <c r="Q358" s="3" t="s">
        <v>37</v>
      </c>
      <c r="R358" s="3" t="s">
        <v>38</v>
      </c>
      <c r="S358" s="3" t="s">
        <v>1584</v>
      </c>
      <c r="T358" s="3" t="s">
        <v>37</v>
      </c>
      <c r="U358" s="3" t="s">
        <v>37</v>
      </c>
      <c r="V358" s="3" t="s">
        <v>37</v>
      </c>
    </row>
    <row r="359" spans="1:22" x14ac:dyDescent="0.25">
      <c r="A359" s="3" t="s">
        <v>913</v>
      </c>
      <c r="B359" s="4" t="s">
        <v>813</v>
      </c>
      <c r="C359" s="3" t="s">
        <v>814</v>
      </c>
      <c r="D359" s="5" t="s">
        <v>1103</v>
      </c>
      <c r="E359" s="3" t="s">
        <v>1081</v>
      </c>
      <c r="F359" s="3" t="s">
        <v>1585</v>
      </c>
      <c r="G359" s="3" t="s">
        <v>1352</v>
      </c>
      <c r="H359" s="3" t="s">
        <v>78</v>
      </c>
      <c r="I359" s="3" t="s">
        <v>37</v>
      </c>
      <c r="J359" s="3" t="s">
        <v>1586</v>
      </c>
      <c r="K359" s="3" t="s">
        <v>32</v>
      </c>
      <c r="L359" s="3" t="s">
        <v>33</v>
      </c>
      <c r="M359" s="3" t="s">
        <v>66</v>
      </c>
      <c r="N359" s="3" t="s">
        <v>67</v>
      </c>
      <c r="O359" s="3" t="s">
        <v>36</v>
      </c>
      <c r="P359" s="3" t="s">
        <v>37</v>
      </c>
      <c r="Q359" s="3" t="s">
        <v>37</v>
      </c>
      <c r="R359" s="3" t="s">
        <v>38</v>
      </c>
      <c r="S359" s="3" t="s">
        <v>1587</v>
      </c>
      <c r="T359" s="3" t="s">
        <v>37</v>
      </c>
      <c r="U359" s="3" t="s">
        <v>37</v>
      </c>
      <c r="V359" s="3" t="s">
        <v>37</v>
      </c>
    </row>
    <row r="360" spans="1:22" x14ac:dyDescent="0.25">
      <c r="A360" s="3" t="s">
        <v>913</v>
      </c>
      <c r="B360" s="4" t="s">
        <v>813</v>
      </c>
      <c r="C360" s="3" t="s">
        <v>814</v>
      </c>
      <c r="D360" s="5" t="s">
        <v>238</v>
      </c>
      <c r="E360" s="3" t="s">
        <v>1086</v>
      </c>
      <c r="F360" s="3" t="s">
        <v>1588</v>
      </c>
      <c r="G360" s="3" t="s">
        <v>1589</v>
      </c>
      <c r="H360" s="3" t="s">
        <v>225</v>
      </c>
      <c r="I360" s="3" t="s">
        <v>37</v>
      </c>
      <c r="J360" s="3" t="s">
        <v>1590</v>
      </c>
      <c r="K360" s="3" t="s">
        <v>32</v>
      </c>
      <c r="L360" s="3" t="s">
        <v>33</v>
      </c>
      <c r="M360" s="3" t="s">
        <v>66</v>
      </c>
      <c r="N360" s="3" t="s">
        <v>51</v>
      </c>
      <c r="O360" s="3" t="s">
        <v>86</v>
      </c>
      <c r="P360" s="3" t="s">
        <v>37</v>
      </c>
      <c r="Q360" s="3" t="s">
        <v>37</v>
      </c>
      <c r="R360" s="3" t="s">
        <v>38</v>
      </c>
      <c r="S360" s="3" t="s">
        <v>1591</v>
      </c>
      <c r="T360" s="3" t="s">
        <v>37</v>
      </c>
      <c r="U360" s="3" t="s">
        <v>37</v>
      </c>
      <c r="V360" s="3" t="s">
        <v>37</v>
      </c>
    </row>
    <row r="361" spans="1:22" x14ac:dyDescent="0.25">
      <c r="A361" s="3" t="s">
        <v>913</v>
      </c>
      <c r="B361" s="4" t="s">
        <v>813</v>
      </c>
      <c r="C361" s="3" t="s">
        <v>814</v>
      </c>
      <c r="D361" s="5" t="s">
        <v>1110</v>
      </c>
      <c r="E361" s="3" t="s">
        <v>925</v>
      </c>
      <c r="F361" s="3" t="s">
        <v>1601</v>
      </c>
      <c r="G361" s="3" t="s">
        <v>565</v>
      </c>
      <c r="H361" s="3" t="s">
        <v>64</v>
      </c>
      <c r="I361" s="3" t="s">
        <v>927</v>
      </c>
      <c r="J361" s="3" t="s">
        <v>1602</v>
      </c>
      <c r="K361" s="3" t="s">
        <v>32</v>
      </c>
      <c r="L361" s="3" t="s">
        <v>33</v>
      </c>
      <c r="M361" s="3" t="s">
        <v>34</v>
      </c>
      <c r="N361" s="3" t="s">
        <v>67</v>
      </c>
      <c r="O361" s="3" t="s">
        <v>52</v>
      </c>
      <c r="P361" s="3" t="s">
        <v>37</v>
      </c>
      <c r="Q361" s="3" t="s">
        <v>37</v>
      </c>
      <c r="R361" s="3" t="s">
        <v>38</v>
      </c>
      <c r="S361" s="3" t="s">
        <v>1603</v>
      </c>
      <c r="T361" s="3" t="s">
        <v>37</v>
      </c>
      <c r="U361" s="3" t="s">
        <v>37</v>
      </c>
      <c r="V361" s="3" t="s">
        <v>37</v>
      </c>
    </row>
    <row r="362" spans="1:22" x14ac:dyDescent="0.25">
      <c r="A362" s="3"/>
      <c r="B362" s="4"/>
      <c r="C362" s="3"/>
      <c r="D362" s="5"/>
      <c r="E362" s="6" t="s">
        <v>1115</v>
      </c>
      <c r="F362" s="3"/>
      <c r="G362" s="3"/>
      <c r="H362" s="3"/>
      <c r="I362" s="3"/>
      <c r="J362" s="3"/>
      <c r="K362" s="3"/>
      <c r="L362" s="3"/>
      <c r="M362" s="3"/>
      <c r="N362" s="3"/>
      <c r="O362" s="3"/>
      <c r="P362" s="3"/>
      <c r="Q362" s="3"/>
      <c r="R362" s="3"/>
      <c r="S362" s="3"/>
      <c r="T362" s="3"/>
      <c r="U362" s="3" t="s">
        <v>37</v>
      </c>
      <c r="V362" s="3" t="s">
        <v>37</v>
      </c>
    </row>
    <row r="363" spans="1:22" x14ac:dyDescent="0.25">
      <c r="A363" s="3"/>
      <c r="B363" s="4"/>
      <c r="C363" s="3"/>
      <c r="D363" s="5"/>
      <c r="E363" s="3"/>
      <c r="F363" s="3"/>
      <c r="G363" s="3"/>
      <c r="H363" s="3"/>
      <c r="I363" s="3"/>
      <c r="J363" s="3"/>
      <c r="K363" s="3"/>
      <c r="L363" s="3"/>
      <c r="M363" s="3"/>
      <c r="N363" s="3"/>
      <c r="O363" s="3"/>
      <c r="P363" s="3"/>
      <c r="Q363" s="3"/>
      <c r="R363" s="3"/>
      <c r="S363" s="3"/>
      <c r="T363" s="3"/>
      <c r="U363" s="3" t="s">
        <v>37</v>
      </c>
      <c r="V363" s="3" t="s">
        <v>37</v>
      </c>
    </row>
    <row r="364" spans="1:22" x14ac:dyDescent="0.25">
      <c r="U364" s="3" t="s">
        <v>37</v>
      </c>
      <c r="V364" s="3" t="s">
        <v>37</v>
      </c>
    </row>
    <row r="365" spans="1:22" x14ac:dyDescent="0.25">
      <c r="U365" s="3" t="s">
        <v>37</v>
      </c>
      <c r="V365" s="3" t="s">
        <v>37</v>
      </c>
    </row>
    <row r="366" spans="1:22" x14ac:dyDescent="0.25">
      <c r="U366" s="3" t="s">
        <v>37</v>
      </c>
      <c r="V366" s="3" t="s">
        <v>37</v>
      </c>
    </row>
    <row r="367" spans="1:22" x14ac:dyDescent="0.25">
      <c r="U367" s="3" t="s">
        <v>37</v>
      </c>
      <c r="V367" s="3" t="s">
        <v>37</v>
      </c>
    </row>
    <row r="368" spans="1:22" x14ac:dyDescent="0.25">
      <c r="U368" s="3" t="s">
        <v>37</v>
      </c>
      <c r="V368" s="3" t="s">
        <v>37</v>
      </c>
    </row>
    <row r="369" spans="21:22" x14ac:dyDescent="0.25">
      <c r="U369" s="3" t="s">
        <v>37</v>
      </c>
      <c r="V369" s="3" t="s">
        <v>37</v>
      </c>
    </row>
    <row r="370" spans="21:22" x14ac:dyDescent="0.25">
      <c r="U370" s="3"/>
      <c r="V370" s="3"/>
    </row>
    <row r="371" spans="21:22" x14ac:dyDescent="0.25">
      <c r="U371" s="3"/>
      <c r="V371" s="3"/>
    </row>
  </sheetData>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Disney Channel</vt:lpstr>
      <vt:lpstr>Disney Junior</vt:lpstr>
    </vt:vector>
  </TitlesOfParts>
  <Company>TWDC</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pp-emea-dait</dc:creator>
  <cp:lastModifiedBy>El Omari, Yasmine</cp:lastModifiedBy>
  <dcterms:created xsi:type="dcterms:W3CDTF">2014-03-14T12:11:22Z</dcterms:created>
  <dcterms:modified xsi:type="dcterms:W3CDTF">2020-11-26T10:44:48Z</dcterms:modified>
</cp:coreProperties>
</file>